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1_例規等\03_条例施行規則改正（整備基準改正）\03_第３回\04_資料\"/>
    </mc:Choice>
  </mc:AlternateContent>
  <bookViews>
    <workbookView xWindow="0" yWindow="0" windowWidth="23040" windowHeight="9168"/>
  </bookViews>
  <sheets>
    <sheet name="近県の状況" sheetId="1" r:id="rId1"/>
  </sheets>
  <definedNames>
    <definedName name="_xlnm.Print_Area" localSheetId="0">近県の状況!$A$1:$GR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9" uniqueCount="119">
  <si>
    <t>●乳幼児設備に関する規定</t>
    <rPh sb="1" eb="4">
      <t>ニュウヨウジ</t>
    </rPh>
    <rPh sb="4" eb="6">
      <t>セツビ</t>
    </rPh>
    <rPh sb="7" eb="8">
      <t>カン</t>
    </rPh>
    <rPh sb="10" eb="12">
      <t>キテイ</t>
    </rPh>
    <phoneticPr fontId="1"/>
  </si>
  <si>
    <t>（近県の状況/施設区分別）</t>
    <phoneticPr fontId="1"/>
  </si>
  <si>
    <t>神奈川県の区分</t>
    <rPh sb="0" eb="4">
      <t>カナガワケン</t>
    </rPh>
    <rPh sb="5" eb="7">
      <t>クブン</t>
    </rPh>
    <phoneticPr fontId="1"/>
  </si>
  <si>
    <t>１　官公庁施設</t>
    <rPh sb="2" eb="5">
      <t>カンコウチョウ</t>
    </rPh>
    <rPh sb="5" eb="7">
      <t>シセツ</t>
    </rPh>
    <phoneticPr fontId="1"/>
  </si>
  <si>
    <t>２　教育文化施設
（１）学校</t>
    <rPh sb="2" eb="4">
      <t>キョウイク</t>
    </rPh>
    <rPh sb="4" eb="6">
      <t>ブンカ</t>
    </rPh>
    <rPh sb="6" eb="8">
      <t>シセツ</t>
    </rPh>
    <rPh sb="12" eb="14">
      <t>ガッコウ</t>
    </rPh>
    <phoneticPr fontId="1"/>
  </si>
  <si>
    <t>２　教育文化施設
（2）図書館等</t>
    <rPh sb="2" eb="4">
      <t>キョウイク</t>
    </rPh>
    <rPh sb="4" eb="6">
      <t>ブンカ</t>
    </rPh>
    <rPh sb="6" eb="8">
      <t>シセツ</t>
    </rPh>
    <rPh sb="12" eb="15">
      <t>トショカン</t>
    </rPh>
    <rPh sb="15" eb="16">
      <t>トウ</t>
    </rPh>
    <phoneticPr fontId="1"/>
  </si>
  <si>
    <t>２　教育文化施設
（４）集会場</t>
    <rPh sb="2" eb="4">
      <t>キョウイク</t>
    </rPh>
    <rPh sb="4" eb="6">
      <t>ブンカ</t>
    </rPh>
    <rPh sb="6" eb="8">
      <t>シセツ</t>
    </rPh>
    <rPh sb="12" eb="15">
      <t>シュウカイジョウ</t>
    </rPh>
    <phoneticPr fontId="1"/>
  </si>
  <si>
    <t>３　医療施設</t>
    <rPh sb="2" eb="4">
      <t>イリョウ</t>
    </rPh>
    <rPh sb="4" eb="6">
      <t>シセツ</t>
    </rPh>
    <phoneticPr fontId="1"/>
  </si>
  <si>
    <t>４　福祉施設</t>
    <rPh sb="2" eb="4">
      <t>フクシ</t>
    </rPh>
    <rPh sb="4" eb="6">
      <t>シセツ</t>
    </rPh>
    <phoneticPr fontId="1"/>
  </si>
  <si>
    <t>５　商業施設
（２）金融機関</t>
    <rPh sb="2" eb="4">
      <t>ショウギョウ</t>
    </rPh>
    <rPh sb="4" eb="6">
      <t>シセツ</t>
    </rPh>
    <rPh sb="10" eb="12">
      <t>キンユウ</t>
    </rPh>
    <rPh sb="12" eb="14">
      <t>キカン</t>
    </rPh>
    <phoneticPr fontId="1"/>
  </si>
  <si>
    <t>５　商業施設
（３）その他ア</t>
    <rPh sb="2" eb="4">
      <t>ショウギョウ</t>
    </rPh>
    <rPh sb="4" eb="6">
      <t>シセツ</t>
    </rPh>
    <rPh sb="12" eb="13">
      <t>タ</t>
    </rPh>
    <phoneticPr fontId="1"/>
  </si>
  <si>
    <t>５　商業施設
（３）その他イ</t>
    <rPh sb="2" eb="4">
      <t>ショウギョウ</t>
    </rPh>
    <rPh sb="4" eb="6">
      <t>シセツ</t>
    </rPh>
    <rPh sb="12" eb="13">
      <t>タ</t>
    </rPh>
    <phoneticPr fontId="1"/>
  </si>
  <si>
    <t>５　商業施設
（３）その他エ</t>
    <rPh sb="2" eb="4">
      <t>ショウギョウ</t>
    </rPh>
    <rPh sb="4" eb="6">
      <t>シセツ</t>
    </rPh>
    <rPh sb="12" eb="13">
      <t>タ</t>
    </rPh>
    <phoneticPr fontId="1"/>
  </si>
  <si>
    <t>５　商業施設
（３）その他ケ</t>
    <rPh sb="2" eb="4">
      <t>ショウギョウ</t>
    </rPh>
    <rPh sb="4" eb="6">
      <t>シセツ</t>
    </rPh>
    <rPh sb="12" eb="13">
      <t>タ</t>
    </rPh>
    <phoneticPr fontId="1"/>
  </si>
  <si>
    <t>７　駐車場</t>
    <rPh sb="2" eb="5">
      <t>チュウシャジョウ</t>
    </rPh>
    <phoneticPr fontId="1"/>
  </si>
  <si>
    <t>８　共同住宅</t>
    <rPh sb="2" eb="4">
      <t>キョウドウ</t>
    </rPh>
    <rPh sb="4" eb="6">
      <t>ジュウタク</t>
    </rPh>
    <phoneticPr fontId="1"/>
  </si>
  <si>
    <t>９　事務所</t>
    <rPh sb="2" eb="4">
      <t>ジム</t>
    </rPh>
    <rPh sb="4" eb="5">
      <t>ショ</t>
    </rPh>
    <phoneticPr fontId="1"/>
  </si>
  <si>
    <t>10　宿泊施設</t>
    <rPh sb="3" eb="5">
      <t>シュクハク</t>
    </rPh>
    <rPh sb="5" eb="7">
      <t>シセツ</t>
    </rPh>
    <phoneticPr fontId="1"/>
  </si>
  <si>
    <t>11　公衆浴場</t>
    <phoneticPr fontId="1"/>
  </si>
  <si>
    <t>12　地下街等</t>
    <rPh sb="3" eb="6">
      <t>チカガイ</t>
    </rPh>
    <rPh sb="6" eb="7">
      <t>トウ</t>
    </rPh>
    <phoneticPr fontId="1"/>
  </si>
  <si>
    <t>13　運動施設</t>
    <rPh sb="3" eb="5">
      <t>ウンドウ</t>
    </rPh>
    <rPh sb="5" eb="7">
      <t>シセツ</t>
    </rPh>
    <phoneticPr fontId="1"/>
  </si>
  <si>
    <t>14　興行・遊行施設</t>
    <rPh sb="3" eb="5">
      <t>コウギョウ</t>
    </rPh>
    <rPh sb="6" eb="8">
      <t>ユウコウ</t>
    </rPh>
    <rPh sb="8" eb="10">
      <t>シセツ</t>
    </rPh>
    <phoneticPr fontId="1"/>
  </si>
  <si>
    <t>15　展示施設</t>
    <rPh sb="3" eb="5">
      <t>テンジ</t>
    </rPh>
    <rPh sb="5" eb="7">
      <t>シセツ</t>
    </rPh>
    <phoneticPr fontId="1"/>
  </si>
  <si>
    <t>16　工場</t>
    <rPh sb="3" eb="5">
      <t>コウジョウ</t>
    </rPh>
    <phoneticPr fontId="1"/>
  </si>
  <si>
    <t>17　公衆便所</t>
    <phoneticPr fontId="1"/>
  </si>
  <si>
    <t>卸売市場</t>
    <rPh sb="0" eb="4">
      <t>オロシウリシジョウ</t>
    </rPh>
    <phoneticPr fontId="1"/>
  </si>
  <si>
    <t>指定施設</t>
    <rPh sb="0" eb="2">
      <t>シテイ</t>
    </rPh>
    <rPh sb="2" eb="4">
      <t>シセツ</t>
    </rPh>
    <phoneticPr fontId="1"/>
  </si>
  <si>
    <t>区分</t>
    <rPh sb="0" eb="2">
      <t>クブン</t>
    </rPh>
    <phoneticPr fontId="1"/>
  </si>
  <si>
    <t>保健所、税務署その他不特定かつ多数の者が利用する官公署</t>
    <phoneticPr fontId="1"/>
  </si>
  <si>
    <t>学校</t>
    <phoneticPr fontId="1"/>
  </si>
  <si>
    <t>自動車教習所その他これに類するもの</t>
    <phoneticPr fontId="1"/>
  </si>
  <si>
    <t>博物館、美術館又は図書館</t>
    <phoneticPr fontId="1"/>
  </si>
  <si>
    <t>博物館類似施設その他これに類する施設</t>
    <phoneticPr fontId="1"/>
  </si>
  <si>
    <t>集会場（一の集会室の床面積が２００平方メートルを超えるもに限る。）又は公会堂</t>
    <phoneticPr fontId="1"/>
  </si>
  <si>
    <t>集会場（全ての集会室の床面積が２００平方メートル下のものに限る。）</t>
    <phoneticPr fontId="1"/>
  </si>
  <si>
    <t>病院</t>
    <phoneticPr fontId="1"/>
  </si>
  <si>
    <t>診療所（患者の収容施設があるものに限る。）</t>
    <phoneticPr fontId="1"/>
  </si>
  <si>
    <t>診療所（患者の収容施設がないものに限る。）</t>
    <phoneticPr fontId="1"/>
  </si>
  <si>
    <t>老人ホーム、保育所、福祉ホームその他これらに類するもの（認可外保育施設を除く。）</t>
    <phoneticPr fontId="1"/>
  </si>
  <si>
    <t>　老人福祉センター、児童厚生施設、身体障害者福祉センターその他これらに類するもの</t>
  </si>
  <si>
    <t>助産所</t>
    <phoneticPr fontId="1"/>
  </si>
  <si>
    <t>認可外保育施設</t>
    <phoneticPr fontId="1"/>
  </si>
  <si>
    <t>銀行その他これに類するサービス業を営む店舗</t>
    <phoneticPr fontId="1"/>
  </si>
  <si>
    <t>薬局</t>
    <phoneticPr fontId="1"/>
  </si>
  <si>
    <t>コンビニ、百貨店、マーケットその他の物品販売業を営む店舗（薬局を除く。）</t>
    <phoneticPr fontId="1"/>
  </si>
  <si>
    <t>飲食店</t>
    <phoneticPr fontId="1"/>
  </si>
  <si>
    <t>理髪店その他これに類するサービス業を営む店舗</t>
    <phoneticPr fontId="1"/>
  </si>
  <si>
    <t>クリーニング取次店、質屋、貸衣装屋その他これらに類するサービス業を営む店舗</t>
    <phoneticPr fontId="1"/>
  </si>
  <si>
    <t>学習塾、華道教室、囲碁教室その他これらに類するもの</t>
    <phoneticPr fontId="1"/>
  </si>
  <si>
    <t>駐車場</t>
    <rPh sb="0" eb="3">
      <t>チュウシャジョウ</t>
    </rPh>
    <phoneticPr fontId="1"/>
  </si>
  <si>
    <t>共同住宅・寄宿舎</t>
    <phoneticPr fontId="1"/>
  </si>
  <si>
    <t>事務所</t>
    <phoneticPr fontId="1"/>
  </si>
  <si>
    <t>ホテル又は旅館</t>
    <phoneticPr fontId="1"/>
  </si>
  <si>
    <t>ホテル又は旅館以外の宿泊施設</t>
    <phoneticPr fontId="1"/>
  </si>
  <si>
    <t>公衆浴場</t>
    <phoneticPr fontId="1"/>
  </si>
  <si>
    <t>地下街</t>
    <phoneticPr fontId="1"/>
  </si>
  <si>
    <t>運動施設</t>
    <phoneticPr fontId="1"/>
  </si>
  <si>
    <t>劇場、映画館又は演芸場</t>
    <phoneticPr fontId="1"/>
  </si>
  <si>
    <t>観覧場</t>
    <phoneticPr fontId="1"/>
  </si>
  <si>
    <t>遊技場</t>
    <phoneticPr fontId="1"/>
  </si>
  <si>
    <t>キャバレー、料理店、ナイトクラブ、ダンスホールその他これらに類するもの</t>
    <phoneticPr fontId="1"/>
  </si>
  <si>
    <t>展示場</t>
    <phoneticPr fontId="1"/>
  </si>
  <si>
    <t>工場</t>
    <phoneticPr fontId="1"/>
  </si>
  <si>
    <t>公衆便所</t>
    <phoneticPr fontId="1"/>
  </si>
  <si>
    <t>用途に供する部分の床面積の合計</t>
  </si>
  <si>
    <t>300㎡未満のもの</t>
  </si>
  <si>
    <t>300㎡以上500㎡未満のもの</t>
    <phoneticPr fontId="1"/>
  </si>
  <si>
    <t>500㎡以上1,000㎡未満のもの</t>
    <phoneticPr fontId="1"/>
  </si>
  <si>
    <t>1,000㎡以上2,000㎡未満のもの</t>
    <phoneticPr fontId="1"/>
  </si>
  <si>
    <t>2,000㎡以上のもの</t>
    <phoneticPr fontId="1"/>
  </si>
  <si>
    <t>100㎡未満のもの</t>
    <phoneticPr fontId="1"/>
  </si>
  <si>
    <t>100㎡以上300㎡未満のもの</t>
    <phoneticPr fontId="1"/>
  </si>
  <si>
    <t>300㎡以上1,000㎡未満のもの</t>
  </si>
  <si>
    <t>300㎡未満のもの</t>
    <phoneticPr fontId="1"/>
  </si>
  <si>
    <t>200㎡未満のもの</t>
  </si>
  <si>
    <t>200㎡以上300㎡未満のもの</t>
    <phoneticPr fontId="1"/>
  </si>
  <si>
    <t>1,000㎡以上のもの</t>
  </si>
  <si>
    <t>100㎡以上200㎡未満のもの</t>
    <rPh sb="4" eb="6">
      <t>イジョウ</t>
    </rPh>
    <phoneticPr fontId="1"/>
  </si>
  <si>
    <t>200㎡以上300㎡未満のもの</t>
    <rPh sb="4" eb="6">
      <t>イジョウ</t>
    </rPh>
    <phoneticPr fontId="1"/>
  </si>
  <si>
    <t>100㎡以上200㎡未満のもの</t>
    <phoneticPr fontId="1"/>
  </si>
  <si>
    <t>100㎡以上150㎡未満のもの</t>
    <rPh sb="4" eb="6">
      <t>イジョウ</t>
    </rPh>
    <phoneticPr fontId="1"/>
  </si>
  <si>
    <t>150㎡以上200㎡未満のもの</t>
    <rPh sb="4" eb="6">
      <t>イジョウ</t>
    </rPh>
    <phoneticPr fontId="1"/>
  </si>
  <si>
    <t>100以上200㎡未満のもの</t>
    <rPh sb="9" eb="11">
      <t>ミマン</t>
    </rPh>
    <phoneticPr fontId="1"/>
  </si>
  <si>
    <t>200以上300㎡未満のもの</t>
    <rPh sb="9" eb="11">
      <t>ミマン</t>
    </rPh>
    <phoneticPr fontId="1"/>
  </si>
  <si>
    <t>300以上1,000㎡未満のもの</t>
    <rPh sb="11" eb="13">
      <t>ミマン</t>
    </rPh>
    <phoneticPr fontId="1"/>
  </si>
  <si>
    <t>1,000㎡以上2,000㎡未満のもの</t>
    <rPh sb="14" eb="16">
      <t>ミマン</t>
    </rPh>
    <phoneticPr fontId="1"/>
  </si>
  <si>
    <t>500㎡未満のもの</t>
    <phoneticPr fontId="1"/>
  </si>
  <si>
    <t>500以上1,000㎡未満のもの</t>
    <rPh sb="11" eb="13">
      <t>ミマン</t>
    </rPh>
    <phoneticPr fontId="1"/>
  </si>
  <si>
    <t>1,000㎡未満のもの</t>
    <phoneticPr fontId="1"/>
  </si>
  <si>
    <t>500㎡未満</t>
    <rPh sb="4" eb="6">
      <t>ミマン</t>
    </rPh>
    <phoneticPr fontId="1"/>
  </si>
  <si>
    <t>500㎡以上1,000㎡未満のもの</t>
    <rPh sb="12" eb="14">
      <t>ミマン</t>
    </rPh>
    <phoneticPr fontId="1"/>
  </si>
  <si>
    <t>100㎡未満</t>
    <rPh sb="4" eb="6">
      <t>ミマン</t>
    </rPh>
    <phoneticPr fontId="1"/>
  </si>
  <si>
    <t>200㎡以上500㎡未満のもの</t>
    <phoneticPr fontId="1"/>
  </si>
  <si>
    <t>300㎡以上500㎡未満のもの</t>
    <rPh sb="4" eb="6">
      <t>イジョウ</t>
    </rPh>
    <phoneticPr fontId="1"/>
  </si>
  <si>
    <t>500㎡以上1000㎡未満のもの</t>
    <rPh sb="4" eb="6">
      <t>イジョウ</t>
    </rPh>
    <phoneticPr fontId="1"/>
  </si>
  <si>
    <t>100㎡以上500㎡未満のもの</t>
    <rPh sb="4" eb="6">
      <t>イジョウ</t>
    </rPh>
    <phoneticPr fontId="1"/>
  </si>
  <si>
    <t>100㎡以上300㎡未満のもの</t>
    <rPh sb="4" eb="6">
      <t>イジョウ</t>
    </rPh>
    <phoneticPr fontId="1"/>
  </si>
  <si>
    <t>100㎡以上500㎡未満のもの</t>
    <phoneticPr fontId="1"/>
  </si>
  <si>
    <t>500㎡未満</t>
    <rPh sb="3" eb="6">
      <t>ヘイベイミマン</t>
    </rPh>
    <phoneticPr fontId="1"/>
  </si>
  <si>
    <t>500㎡以上1,000㎡未満</t>
    <rPh sb="3" eb="6">
      <t>ヘイベイイジョウ</t>
    </rPh>
    <rPh sb="12" eb="14">
      <t>ミマン</t>
    </rPh>
    <phoneticPr fontId="1"/>
  </si>
  <si>
    <t>東京都
(特定都市施設基準)</t>
    <rPh sb="0" eb="3">
      <t>トウキョウト</t>
    </rPh>
    <phoneticPr fontId="1"/>
  </si>
  <si>
    <t>廊下等
（子育て）</t>
    <phoneticPr fontId="1"/>
  </si>
  <si>
    <t>○</t>
  </si>
  <si>
    <t>○</t>
    <phoneticPr fontId="1"/>
  </si>
  <si>
    <t>小規模</t>
    <rPh sb="0" eb="3">
      <t>ショウキボ</t>
    </rPh>
    <phoneticPr fontId="1"/>
  </si>
  <si>
    <t>便所
（子育て）</t>
    <phoneticPr fontId="1"/>
  </si>
  <si>
    <t>横浜市
（指定施設整備基準）</t>
    <rPh sb="0" eb="3">
      <t>ヨコハマシ</t>
    </rPh>
    <phoneticPr fontId="1"/>
  </si>
  <si>
    <t>○
（幼稚園）</t>
    <rPh sb="3" eb="6">
      <t>ヨウチエン</t>
    </rPh>
    <phoneticPr fontId="1"/>
  </si>
  <si>
    <t>川崎市</t>
    <rPh sb="0" eb="3">
      <t>カワサキシ</t>
    </rPh>
    <phoneticPr fontId="1"/>
  </si>
  <si>
    <t>△</t>
    <phoneticPr fontId="1"/>
  </si>
  <si>
    <t>○
(保育所除く)</t>
    <rPh sb="3" eb="5">
      <t>ホイク</t>
    </rPh>
    <rPh sb="5" eb="6">
      <t>ショ</t>
    </rPh>
    <rPh sb="6" eb="7">
      <t>ノゾ</t>
    </rPh>
    <phoneticPr fontId="1"/>
  </si>
  <si>
    <t>埼玉県</t>
    <rPh sb="0" eb="3">
      <t>サイタマケン</t>
    </rPh>
    <phoneticPr fontId="1"/>
  </si>
  <si>
    <r>
      <t>△/○</t>
    </r>
    <r>
      <rPr>
        <vertAlign val="superscript"/>
        <sz val="12"/>
        <color rgb="FF111111"/>
        <rFont val="ＭＳ Ｐゴシック"/>
        <family val="3"/>
        <charset val="128"/>
      </rPr>
      <t>(※)</t>
    </r>
    <phoneticPr fontId="1"/>
  </si>
  <si>
    <t>△/○</t>
  </si>
  <si>
    <t>小規模
コンビニ</t>
    <rPh sb="0" eb="3">
      <t>ショウキボ</t>
    </rPh>
    <phoneticPr fontId="1"/>
  </si>
  <si>
    <t>小規模
その他</t>
    <rPh sb="0" eb="3">
      <t>ショウキボ</t>
    </rPh>
    <rPh sb="6" eb="7">
      <t>タ</t>
    </rPh>
    <phoneticPr fontId="1"/>
  </si>
  <si>
    <t>群馬県</t>
    <rPh sb="0" eb="3">
      <t>グンマケン</t>
    </rPh>
    <phoneticPr fontId="1"/>
  </si>
  <si>
    <t>※＜遵守義務＞床面積；5,000㎡以上で、乳幼児を連れた者が長時間利用するもの</t>
    <rPh sb="2" eb="4">
      <t>ジュンシュ</t>
    </rPh>
    <rPh sb="4" eb="6">
      <t>ギム</t>
    </rPh>
    <phoneticPr fontId="1"/>
  </si>
  <si>
    <t>　＜努力義務＞床面積；2,000㎡以上5,000㎡未満で、乳幼児を連れた者が長時間利用するもの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rgb="FF111111"/>
      <name val="ＭＳ Ｐゴシック"/>
      <family val="3"/>
      <charset val="128"/>
    </font>
    <font>
      <vertAlign val="superscript"/>
      <sz val="12"/>
      <color rgb="FF11111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EFA"/>
        <bgColor indexed="64"/>
      </patternFill>
    </fill>
    <fill>
      <patternFill patternType="solid">
        <fgColor theme="8" tint="0.79998168889431442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4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4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0" fillId="0" borderId="0" xfId="0" applyFill="1" applyAlignment="1">
      <alignment horizontal="center" vertical="center"/>
    </xf>
    <xf numFmtId="0" fontId="3" fillId="2" borderId="6" xfId="0" applyFont="1" applyFill="1" applyBorder="1" applyAlignment="1">
      <alignment horizontal="center" vertical="center" wrapText="1"/>
    </xf>
    <xf numFmtId="0" fontId="0" fillId="0" borderId="10" xfId="0" applyBorder="1" applyAlignment="1">
      <alignment vertical="center"/>
    </xf>
    <xf numFmtId="0" fontId="0" fillId="0" borderId="10" xfId="0" applyBorder="1" applyAlignment="1">
      <alignment vertical="center" wrapText="1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0" fillId="0" borderId="4" xfId="0" applyFill="1" applyBorder="1" applyAlignment="1">
      <alignment horizontal="center" vertical="center" wrapText="1"/>
    </xf>
    <xf numFmtId="0" fontId="0" fillId="0" borderId="4" xfId="0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 wrapText="1"/>
    </xf>
    <xf numFmtId="0" fontId="3" fillId="0" borderId="12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center" vertical="center" wrapText="1"/>
    </xf>
    <xf numFmtId="0" fontId="3" fillId="0" borderId="13" xfId="0" applyFont="1" applyFill="1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169691</xdr:colOff>
      <xdr:row>0</xdr:row>
      <xdr:rowOff>56397</xdr:rowOff>
    </xdr:from>
    <xdr:ext cx="3657057" cy="722349"/>
    <xdr:sp macro="" textlink="">
      <xdr:nvSpPr>
        <xdr:cNvPr id="2" name="テキスト ボックス 1"/>
        <xdr:cNvSpPr txBox="1"/>
      </xdr:nvSpPr>
      <xdr:spPr>
        <a:xfrm>
          <a:off x="2472438" y="56397"/>
          <a:ext cx="3657057" cy="72234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ja-JP" altLang="en-US" sz="1200">
              <a:latin typeface="ＭＳ ゴシック" panose="020B0609070205080204" pitchFamily="49" charset="-128"/>
              <a:ea typeface="ＭＳ ゴシック" panose="020B0609070205080204" pitchFamily="49" charset="-128"/>
            </a:rPr>
            <a:t>凡例</a:t>
          </a:r>
          <a:endParaRPr kumimoji="1" lang="en-US" altLang="ja-JP" sz="120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kumimoji="1" lang="ja-JP" altLang="en-US" sz="1200">
              <a:latin typeface="ＭＳ ゴシック" panose="020B0609070205080204" pitchFamily="49" charset="-128"/>
              <a:ea typeface="ＭＳ ゴシック" panose="020B0609070205080204" pitchFamily="49" charset="-128"/>
            </a:rPr>
            <a:t>　○；遵守義務　△；努力義務</a:t>
          </a:r>
          <a:endParaRPr kumimoji="1" lang="en-US" altLang="ja-JP" sz="120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kumimoji="1" lang="ja-JP" altLang="en-US" sz="1200">
              <a:latin typeface="ＭＳ ゴシック" panose="020B0609070205080204" pitchFamily="49" charset="-128"/>
              <a:ea typeface="ＭＳ ゴシック" panose="020B0609070205080204" pitchFamily="49" charset="-128"/>
            </a:rPr>
            <a:t>　＼；指定施設でない 青塗りつぶし；不明</a:t>
          </a:r>
        </a:p>
      </xdr:txBody>
    </xdr:sp>
    <xdr:clientData/>
  </xdr:oneCellAnchor>
  <xdr:oneCellAnchor>
    <xdr:from>
      <xdr:col>26</xdr:col>
      <xdr:colOff>226088</xdr:colOff>
      <xdr:row>0</xdr:row>
      <xdr:rowOff>125606</xdr:rowOff>
    </xdr:from>
    <xdr:ext cx="996462" cy="318198"/>
    <xdr:sp macro="" textlink="">
      <xdr:nvSpPr>
        <xdr:cNvPr id="3" name="テキスト ボックス 2"/>
        <xdr:cNvSpPr txBox="1"/>
      </xdr:nvSpPr>
      <xdr:spPr>
        <a:xfrm>
          <a:off x="17936308" y="125606"/>
          <a:ext cx="996462" cy="31819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t">
          <a:noAutofit/>
        </a:bodyPr>
        <a:lstStyle/>
        <a:p>
          <a:pPr algn="ctr"/>
          <a:r>
            <a:rPr kumimoji="1" lang="ja-JP" altLang="en-US" sz="1200">
              <a:latin typeface="ＭＳ ゴシック" panose="020B0609070205080204" pitchFamily="49" charset="-128"/>
              <a:ea typeface="ＭＳ ゴシック" panose="020B0609070205080204" pitchFamily="49" charset="-128"/>
            </a:rPr>
            <a:t>参考資料３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GU79"/>
  <sheetViews>
    <sheetView tabSelected="1" view="pageBreakPreview" topLeftCell="A7" zoomScale="91" zoomScaleNormal="100" zoomScaleSheetLayoutView="91" workbookViewId="0">
      <selection activeCell="E13" sqref="E13"/>
    </sheetView>
  </sheetViews>
  <sheetFormatPr defaultRowHeight="14.4" x14ac:dyDescent="0.2"/>
  <cols>
    <col min="1" max="1" width="2.3984375" customWidth="1"/>
    <col min="2" max="2" width="16.19921875" customWidth="1"/>
    <col min="3" max="3" width="11.59765625" customWidth="1"/>
  </cols>
  <sheetData>
    <row r="1" spans="2:203" ht="29.4" customHeight="1" x14ac:dyDescent="0.2"/>
    <row r="2" spans="2:203" x14ac:dyDescent="0.2">
      <c r="B2" s="1" t="s">
        <v>0</v>
      </c>
    </row>
    <row r="3" spans="2:203" x14ac:dyDescent="0.2">
      <c r="B3" s="1" t="s">
        <v>1</v>
      </c>
    </row>
    <row r="5" spans="2:203" ht="43.5" customHeight="1" x14ac:dyDescent="0.2">
      <c r="B5" s="17" t="s">
        <v>2</v>
      </c>
      <c r="C5" s="18"/>
      <c r="D5" s="19" t="s">
        <v>3</v>
      </c>
      <c r="E5" s="20"/>
      <c r="F5" s="20"/>
      <c r="G5" s="20"/>
      <c r="H5" s="21"/>
      <c r="I5" s="16" t="s">
        <v>4</v>
      </c>
      <c r="J5" s="16"/>
      <c r="K5" s="16"/>
      <c r="L5" s="16"/>
      <c r="M5" s="16"/>
      <c r="N5" s="16" t="s">
        <v>4</v>
      </c>
      <c r="O5" s="16"/>
      <c r="P5" s="16"/>
      <c r="Q5" s="16"/>
      <c r="R5" s="16"/>
      <c r="S5" s="16" t="s">
        <v>5</v>
      </c>
      <c r="T5" s="16"/>
      <c r="U5" s="16"/>
      <c r="V5" s="16"/>
      <c r="W5" s="16"/>
      <c r="X5" s="16" t="s">
        <v>5</v>
      </c>
      <c r="Y5" s="16"/>
      <c r="Z5" s="16"/>
      <c r="AA5" s="16"/>
      <c r="AB5" s="16"/>
      <c r="AC5" s="16" t="s">
        <v>6</v>
      </c>
      <c r="AD5" s="16"/>
      <c r="AE5" s="16"/>
      <c r="AF5" s="16"/>
      <c r="AG5" s="16"/>
      <c r="AH5" s="16" t="s">
        <v>6</v>
      </c>
      <c r="AI5" s="16"/>
      <c r="AJ5" s="16"/>
      <c r="AK5" s="16"/>
      <c r="AL5" s="16"/>
      <c r="AM5" s="19" t="s">
        <v>7</v>
      </c>
      <c r="AN5" s="20"/>
      <c r="AO5" s="20"/>
      <c r="AP5" s="20"/>
      <c r="AQ5" s="20"/>
      <c r="AR5" s="21"/>
      <c r="AS5" s="19" t="s">
        <v>7</v>
      </c>
      <c r="AT5" s="20"/>
      <c r="AU5" s="20"/>
      <c r="AV5" s="20"/>
      <c r="AW5" s="20"/>
      <c r="AX5" s="21"/>
      <c r="AY5" s="19" t="s">
        <v>7</v>
      </c>
      <c r="AZ5" s="20"/>
      <c r="BA5" s="20"/>
      <c r="BB5" s="20"/>
      <c r="BC5" s="20"/>
      <c r="BD5" s="21"/>
      <c r="BE5" s="19" t="s">
        <v>8</v>
      </c>
      <c r="BF5" s="20"/>
      <c r="BG5" s="20"/>
      <c r="BH5" s="20"/>
      <c r="BI5" s="21"/>
      <c r="BJ5" s="19" t="s">
        <v>8</v>
      </c>
      <c r="BK5" s="20"/>
      <c r="BL5" s="20"/>
      <c r="BM5" s="20"/>
      <c r="BN5" s="21"/>
      <c r="BO5" s="19" t="s">
        <v>8</v>
      </c>
      <c r="BP5" s="20"/>
      <c r="BQ5" s="20"/>
      <c r="BR5" s="20"/>
      <c r="BS5" s="20"/>
      <c r="BT5" s="21"/>
      <c r="BU5" s="16" t="s">
        <v>8</v>
      </c>
      <c r="BV5" s="16"/>
      <c r="BW5" s="19" t="s">
        <v>9</v>
      </c>
      <c r="BX5" s="20"/>
      <c r="BY5" s="20"/>
      <c r="BZ5" s="20"/>
      <c r="CA5" s="20"/>
      <c r="CB5" s="20"/>
      <c r="CC5" s="21"/>
      <c r="CD5" s="19" t="s">
        <v>10</v>
      </c>
      <c r="CE5" s="20"/>
      <c r="CF5" s="20"/>
      <c r="CG5" s="20"/>
      <c r="CH5" s="20"/>
      <c r="CI5" s="20"/>
      <c r="CJ5" s="21"/>
      <c r="CK5" s="19" t="s">
        <v>10</v>
      </c>
      <c r="CL5" s="20"/>
      <c r="CM5" s="20"/>
      <c r="CN5" s="20"/>
      <c r="CO5" s="20"/>
      <c r="CP5" s="20"/>
      <c r="CQ5" s="20"/>
      <c r="CR5" s="21"/>
      <c r="CS5" s="19" t="s">
        <v>10</v>
      </c>
      <c r="CT5" s="20"/>
      <c r="CU5" s="20"/>
      <c r="CV5" s="20"/>
      <c r="CW5" s="20"/>
      <c r="CX5" s="20"/>
      <c r="CY5" s="21"/>
      <c r="CZ5" s="19" t="s">
        <v>11</v>
      </c>
      <c r="DA5" s="20"/>
      <c r="DB5" s="20"/>
      <c r="DC5" s="20"/>
      <c r="DD5" s="20"/>
      <c r="DE5" s="20"/>
      <c r="DF5" s="21"/>
      <c r="DG5" s="19" t="s">
        <v>12</v>
      </c>
      <c r="DH5" s="20"/>
      <c r="DI5" s="20"/>
      <c r="DJ5" s="20"/>
      <c r="DK5" s="20"/>
      <c r="DL5" s="20"/>
      <c r="DM5" s="21"/>
      <c r="DN5" s="19" t="s">
        <v>13</v>
      </c>
      <c r="DO5" s="20"/>
      <c r="DP5" s="20"/>
      <c r="DQ5" s="20"/>
      <c r="DR5" s="20"/>
      <c r="DS5" s="21"/>
      <c r="DT5" s="19" t="s">
        <v>14</v>
      </c>
      <c r="DU5" s="20"/>
      <c r="DV5" s="20"/>
      <c r="DW5" s="21"/>
      <c r="DX5" s="19" t="s">
        <v>15</v>
      </c>
      <c r="DY5" s="20"/>
      <c r="DZ5" s="21"/>
      <c r="EA5" s="19" t="s">
        <v>16</v>
      </c>
      <c r="EB5" s="20"/>
      <c r="EC5" s="20"/>
      <c r="ED5" s="21"/>
      <c r="EE5" s="19" t="s">
        <v>17</v>
      </c>
      <c r="EF5" s="20"/>
      <c r="EG5" s="20"/>
      <c r="EH5" s="20"/>
      <c r="EI5" s="20"/>
      <c r="EJ5" s="21"/>
      <c r="EK5" s="19" t="s">
        <v>17</v>
      </c>
      <c r="EL5" s="20"/>
      <c r="EM5" s="20"/>
      <c r="EN5" s="20"/>
      <c r="EO5" s="20"/>
      <c r="EP5" s="21"/>
      <c r="EQ5" s="19" t="s">
        <v>18</v>
      </c>
      <c r="ER5" s="20"/>
      <c r="ES5" s="20"/>
      <c r="ET5" s="20"/>
      <c r="EU5" s="20"/>
      <c r="EV5" s="20"/>
      <c r="EW5" s="21"/>
      <c r="EX5" s="19" t="s">
        <v>19</v>
      </c>
      <c r="EY5" s="20"/>
      <c r="EZ5" s="20"/>
      <c r="FA5" s="21"/>
      <c r="FB5" s="19" t="s">
        <v>20</v>
      </c>
      <c r="FC5" s="20"/>
      <c r="FD5" s="20"/>
      <c r="FE5" s="20"/>
      <c r="FF5" s="21"/>
      <c r="FG5" s="19" t="s">
        <v>21</v>
      </c>
      <c r="FH5" s="20"/>
      <c r="FI5" s="20"/>
      <c r="FJ5" s="20"/>
      <c r="FK5" s="20"/>
      <c r="FL5" s="21"/>
      <c r="FM5" s="19" t="s">
        <v>21</v>
      </c>
      <c r="FN5" s="20"/>
      <c r="FO5" s="20"/>
      <c r="FP5" s="20"/>
      <c r="FQ5" s="20"/>
      <c r="FR5" s="21"/>
      <c r="FS5" s="19" t="s">
        <v>21</v>
      </c>
      <c r="FT5" s="20"/>
      <c r="FU5" s="20"/>
      <c r="FV5" s="20"/>
      <c r="FW5" s="20"/>
      <c r="FX5" s="21"/>
      <c r="FY5" s="19" t="s">
        <v>21</v>
      </c>
      <c r="FZ5" s="20"/>
      <c r="GA5" s="20"/>
      <c r="GB5" s="20"/>
      <c r="GC5" s="20"/>
      <c r="GD5" s="20"/>
      <c r="GE5" s="21"/>
      <c r="GF5" s="19" t="s">
        <v>22</v>
      </c>
      <c r="GG5" s="20"/>
      <c r="GH5" s="20"/>
      <c r="GI5" s="20"/>
      <c r="GJ5" s="21"/>
      <c r="GK5" s="19" t="s">
        <v>23</v>
      </c>
      <c r="GL5" s="20"/>
      <c r="GM5" s="20"/>
      <c r="GN5" s="21"/>
      <c r="GO5" s="19" t="s">
        <v>24</v>
      </c>
      <c r="GP5" s="20"/>
      <c r="GQ5" s="20"/>
      <c r="GR5" s="21"/>
      <c r="GS5" s="19" t="s">
        <v>25</v>
      </c>
      <c r="GT5" s="20"/>
      <c r="GU5" s="21"/>
    </row>
    <row r="6" spans="2:203" s="6" customFormat="1" ht="20.25" customHeight="1" x14ac:dyDescent="0.2">
      <c r="B6" s="17" t="s">
        <v>26</v>
      </c>
      <c r="C6" s="18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  <c r="BV6" s="2"/>
      <c r="BW6" s="2"/>
      <c r="BX6" s="2"/>
      <c r="BY6" s="2"/>
      <c r="BZ6" s="2"/>
      <c r="CA6" s="2"/>
      <c r="CB6" s="2"/>
      <c r="CC6" s="2"/>
      <c r="CD6" s="3"/>
      <c r="CE6" s="3"/>
      <c r="CF6" s="2"/>
      <c r="CG6" s="2"/>
      <c r="CH6" s="2"/>
      <c r="CI6" s="2"/>
      <c r="CJ6" s="2"/>
      <c r="CK6" s="3"/>
      <c r="CL6" s="3"/>
      <c r="CM6" s="3"/>
      <c r="CN6" s="2"/>
      <c r="CO6" s="2"/>
      <c r="CP6" s="2"/>
      <c r="CQ6" s="2"/>
      <c r="CR6" s="2"/>
      <c r="CS6" s="3"/>
      <c r="CT6" s="3"/>
      <c r="CU6" s="3"/>
      <c r="CV6" s="2"/>
      <c r="CW6" s="2"/>
      <c r="CX6" s="2"/>
      <c r="CY6" s="2"/>
      <c r="CZ6" s="3"/>
      <c r="DA6" s="3"/>
      <c r="DB6" s="2"/>
      <c r="DC6" s="2"/>
      <c r="DD6" s="2"/>
      <c r="DE6" s="2"/>
      <c r="DF6" s="2"/>
      <c r="DG6" s="3"/>
      <c r="DH6" s="3"/>
      <c r="DI6" s="3"/>
      <c r="DJ6" s="2"/>
      <c r="DK6" s="2"/>
      <c r="DL6" s="2"/>
      <c r="DM6" s="2"/>
      <c r="DN6" s="3"/>
      <c r="DO6" s="3"/>
      <c r="DP6" s="2"/>
      <c r="DQ6" s="2"/>
      <c r="DR6" s="2"/>
      <c r="DS6" s="2"/>
      <c r="DT6" s="4"/>
      <c r="DU6" s="2"/>
      <c r="DV6" s="2"/>
      <c r="DW6" s="2"/>
      <c r="DX6" s="2"/>
      <c r="DY6" s="2"/>
      <c r="DZ6" s="2"/>
      <c r="EA6" s="3"/>
      <c r="EB6" s="3"/>
      <c r="EC6" s="2"/>
      <c r="ED6" s="2"/>
      <c r="EE6" s="3"/>
      <c r="EF6" s="3"/>
      <c r="EG6" s="3"/>
      <c r="EH6" s="3"/>
      <c r="EI6" s="2"/>
      <c r="EJ6" s="2"/>
      <c r="EK6" s="3"/>
      <c r="EL6" s="3"/>
      <c r="EM6" s="3"/>
      <c r="EN6" s="3"/>
      <c r="EO6" s="2"/>
      <c r="EP6" s="2"/>
      <c r="EQ6" s="3"/>
      <c r="ER6" s="3"/>
      <c r="ES6" s="3"/>
      <c r="ET6" s="3"/>
      <c r="EU6" s="2"/>
      <c r="EV6" s="2"/>
      <c r="EW6" s="2"/>
      <c r="EX6" s="2"/>
      <c r="EY6" s="2"/>
      <c r="EZ6" s="2"/>
      <c r="FA6" s="2"/>
      <c r="FB6" s="3"/>
      <c r="FC6" s="3"/>
      <c r="FD6" s="3"/>
      <c r="FE6" s="2"/>
      <c r="FF6" s="2"/>
      <c r="FG6" s="3"/>
      <c r="FH6" s="3"/>
      <c r="FI6" s="2"/>
      <c r="FJ6" s="2"/>
      <c r="FK6" s="2"/>
      <c r="FL6" s="2"/>
      <c r="FM6" s="3"/>
      <c r="FN6" s="3"/>
      <c r="FO6" s="2"/>
      <c r="FP6" s="2"/>
      <c r="FQ6" s="2"/>
      <c r="FR6" s="2"/>
      <c r="FS6" s="3"/>
      <c r="FT6" s="3"/>
      <c r="FU6" s="2"/>
      <c r="FV6" s="2"/>
      <c r="FW6" s="2"/>
      <c r="FX6" s="2"/>
      <c r="FY6" s="3"/>
      <c r="FZ6" s="3"/>
      <c r="GA6" s="3"/>
      <c r="GB6" s="2"/>
      <c r="GC6" s="2"/>
      <c r="GD6" s="2"/>
      <c r="GE6" s="2"/>
      <c r="GF6" s="3"/>
      <c r="GG6" s="3"/>
      <c r="GH6" s="3"/>
      <c r="GI6" s="2"/>
      <c r="GJ6" s="2"/>
      <c r="GK6" s="3"/>
      <c r="GL6" s="3"/>
      <c r="GM6" s="2"/>
      <c r="GN6" s="2"/>
      <c r="GO6" s="2"/>
      <c r="GP6" s="2"/>
      <c r="GQ6" s="2"/>
      <c r="GR6" s="2"/>
      <c r="GS6" s="5"/>
      <c r="GT6" s="5"/>
      <c r="GU6" s="5"/>
    </row>
    <row r="7" spans="2:203" ht="8.25" customHeight="1" x14ac:dyDescent="0.2">
      <c r="B7" s="7"/>
      <c r="C7" s="7"/>
    </row>
    <row r="8" spans="2:203" ht="58.5" customHeight="1" x14ac:dyDescent="0.2">
      <c r="B8" s="17" t="s">
        <v>27</v>
      </c>
      <c r="C8" s="18"/>
      <c r="D8" s="19" t="s">
        <v>28</v>
      </c>
      <c r="E8" s="20"/>
      <c r="F8" s="20"/>
      <c r="G8" s="20"/>
      <c r="H8" s="21"/>
      <c r="I8" s="16" t="s">
        <v>29</v>
      </c>
      <c r="J8" s="16"/>
      <c r="K8" s="16"/>
      <c r="L8" s="16"/>
      <c r="M8" s="16"/>
      <c r="N8" s="19" t="s">
        <v>30</v>
      </c>
      <c r="O8" s="20"/>
      <c r="P8" s="20"/>
      <c r="Q8" s="20"/>
      <c r="R8" s="21"/>
      <c r="S8" s="16" t="s">
        <v>31</v>
      </c>
      <c r="T8" s="16"/>
      <c r="U8" s="16"/>
      <c r="V8" s="16"/>
      <c r="W8" s="16"/>
      <c r="X8" s="16" t="s">
        <v>32</v>
      </c>
      <c r="Y8" s="16"/>
      <c r="Z8" s="16"/>
      <c r="AA8" s="16"/>
      <c r="AB8" s="16"/>
      <c r="AC8" s="16" t="s">
        <v>33</v>
      </c>
      <c r="AD8" s="16"/>
      <c r="AE8" s="16"/>
      <c r="AF8" s="16"/>
      <c r="AG8" s="16"/>
      <c r="AH8" s="16" t="s">
        <v>34</v>
      </c>
      <c r="AI8" s="16"/>
      <c r="AJ8" s="16"/>
      <c r="AK8" s="16"/>
      <c r="AL8" s="16"/>
      <c r="AM8" s="19" t="s">
        <v>35</v>
      </c>
      <c r="AN8" s="20"/>
      <c r="AO8" s="20"/>
      <c r="AP8" s="20"/>
      <c r="AQ8" s="20"/>
      <c r="AR8" s="21"/>
      <c r="AS8" s="19" t="s">
        <v>36</v>
      </c>
      <c r="AT8" s="20"/>
      <c r="AU8" s="20"/>
      <c r="AV8" s="20"/>
      <c r="AW8" s="20"/>
      <c r="AX8" s="21"/>
      <c r="AY8" s="19" t="s">
        <v>37</v>
      </c>
      <c r="AZ8" s="20"/>
      <c r="BA8" s="20"/>
      <c r="BB8" s="20"/>
      <c r="BC8" s="20"/>
      <c r="BD8" s="21"/>
      <c r="BE8" s="19" t="s">
        <v>38</v>
      </c>
      <c r="BF8" s="20"/>
      <c r="BG8" s="20"/>
      <c r="BH8" s="20"/>
      <c r="BI8" s="21"/>
      <c r="BJ8" s="16" t="s">
        <v>39</v>
      </c>
      <c r="BK8" s="20"/>
      <c r="BL8" s="20"/>
      <c r="BM8" s="20"/>
      <c r="BN8" s="21"/>
      <c r="BO8" s="19" t="s">
        <v>40</v>
      </c>
      <c r="BP8" s="20"/>
      <c r="BQ8" s="20"/>
      <c r="BR8" s="20"/>
      <c r="BS8" s="20"/>
      <c r="BT8" s="21"/>
      <c r="BU8" s="16" t="s">
        <v>41</v>
      </c>
      <c r="BV8" s="16"/>
      <c r="BW8" s="19" t="s">
        <v>42</v>
      </c>
      <c r="BX8" s="20"/>
      <c r="BY8" s="20"/>
      <c r="BZ8" s="20"/>
      <c r="CA8" s="20"/>
      <c r="CB8" s="20"/>
      <c r="CC8" s="21"/>
      <c r="CD8" s="19" t="s">
        <v>43</v>
      </c>
      <c r="CE8" s="20"/>
      <c r="CF8" s="20"/>
      <c r="CG8" s="20"/>
      <c r="CH8" s="20"/>
      <c r="CI8" s="20"/>
      <c r="CJ8" s="21"/>
      <c r="CK8" s="19" t="s">
        <v>44</v>
      </c>
      <c r="CL8" s="20"/>
      <c r="CM8" s="20"/>
      <c r="CN8" s="20"/>
      <c r="CO8" s="20"/>
      <c r="CP8" s="20"/>
      <c r="CQ8" s="20"/>
      <c r="CR8" s="21"/>
      <c r="CS8" s="19" t="s">
        <v>45</v>
      </c>
      <c r="CT8" s="20"/>
      <c r="CU8" s="20"/>
      <c r="CV8" s="20"/>
      <c r="CW8" s="20"/>
      <c r="CX8" s="20"/>
      <c r="CY8" s="21"/>
      <c r="CZ8" s="19" t="s">
        <v>46</v>
      </c>
      <c r="DA8" s="20"/>
      <c r="DB8" s="20"/>
      <c r="DC8" s="20"/>
      <c r="DD8" s="20"/>
      <c r="DE8" s="20"/>
      <c r="DF8" s="21"/>
      <c r="DG8" s="19" t="s">
        <v>47</v>
      </c>
      <c r="DH8" s="20"/>
      <c r="DI8" s="20"/>
      <c r="DJ8" s="20"/>
      <c r="DK8" s="20"/>
      <c r="DL8" s="20"/>
      <c r="DM8" s="21"/>
      <c r="DN8" s="19" t="s">
        <v>48</v>
      </c>
      <c r="DO8" s="20"/>
      <c r="DP8" s="20"/>
      <c r="DQ8" s="20"/>
      <c r="DR8" s="20"/>
      <c r="DS8" s="21"/>
      <c r="DT8" s="19" t="s">
        <v>49</v>
      </c>
      <c r="DU8" s="20"/>
      <c r="DV8" s="20"/>
      <c r="DW8" s="21"/>
      <c r="DX8" s="19" t="s">
        <v>50</v>
      </c>
      <c r="DY8" s="20"/>
      <c r="DZ8" s="21"/>
      <c r="EA8" s="19" t="s">
        <v>51</v>
      </c>
      <c r="EB8" s="20"/>
      <c r="EC8" s="20"/>
      <c r="ED8" s="21"/>
      <c r="EE8" s="19" t="s">
        <v>52</v>
      </c>
      <c r="EF8" s="20"/>
      <c r="EG8" s="20"/>
      <c r="EH8" s="20"/>
      <c r="EI8" s="20"/>
      <c r="EJ8" s="21"/>
      <c r="EK8" s="19" t="s">
        <v>53</v>
      </c>
      <c r="EL8" s="20"/>
      <c r="EM8" s="20"/>
      <c r="EN8" s="20"/>
      <c r="EO8" s="20"/>
      <c r="EP8" s="21"/>
      <c r="EQ8" s="19" t="s">
        <v>54</v>
      </c>
      <c r="ER8" s="20"/>
      <c r="ES8" s="20"/>
      <c r="ET8" s="20"/>
      <c r="EU8" s="20"/>
      <c r="EV8" s="20"/>
      <c r="EW8" s="21"/>
      <c r="EX8" s="19" t="s">
        <v>55</v>
      </c>
      <c r="EY8" s="20"/>
      <c r="EZ8" s="20"/>
      <c r="FA8" s="21"/>
      <c r="FB8" s="19" t="s">
        <v>56</v>
      </c>
      <c r="FC8" s="20"/>
      <c r="FD8" s="20"/>
      <c r="FE8" s="20"/>
      <c r="FF8" s="21"/>
      <c r="FG8" s="19" t="s">
        <v>57</v>
      </c>
      <c r="FH8" s="20"/>
      <c r="FI8" s="20"/>
      <c r="FJ8" s="20"/>
      <c r="FK8" s="20"/>
      <c r="FL8" s="21"/>
      <c r="FM8" s="19" t="s">
        <v>58</v>
      </c>
      <c r="FN8" s="20"/>
      <c r="FO8" s="20"/>
      <c r="FP8" s="20"/>
      <c r="FQ8" s="20"/>
      <c r="FR8" s="21"/>
      <c r="FS8" s="19" t="s">
        <v>59</v>
      </c>
      <c r="FT8" s="20"/>
      <c r="FU8" s="20"/>
      <c r="FV8" s="20"/>
      <c r="FW8" s="20"/>
      <c r="FX8" s="21"/>
      <c r="FY8" s="19" t="s">
        <v>60</v>
      </c>
      <c r="FZ8" s="20"/>
      <c r="GA8" s="20"/>
      <c r="GB8" s="20"/>
      <c r="GC8" s="20"/>
      <c r="GD8" s="20"/>
      <c r="GE8" s="21"/>
      <c r="GF8" s="19" t="s">
        <v>61</v>
      </c>
      <c r="GG8" s="20"/>
      <c r="GH8" s="20"/>
      <c r="GI8" s="20"/>
      <c r="GJ8" s="21"/>
      <c r="GK8" s="19" t="s">
        <v>62</v>
      </c>
      <c r="GL8" s="20"/>
      <c r="GM8" s="20"/>
      <c r="GN8" s="21"/>
      <c r="GO8" s="19" t="s">
        <v>63</v>
      </c>
      <c r="GP8" s="20"/>
      <c r="GQ8" s="20"/>
      <c r="GR8" s="21"/>
      <c r="GS8" s="19" t="s">
        <v>25</v>
      </c>
      <c r="GT8" s="20"/>
      <c r="GU8" s="21"/>
    </row>
    <row r="9" spans="2:203" s="6" customFormat="1" ht="81" customHeight="1" x14ac:dyDescent="0.2">
      <c r="B9" s="16" t="s">
        <v>64</v>
      </c>
      <c r="C9" s="16"/>
      <c r="D9" s="8" t="s">
        <v>65</v>
      </c>
      <c r="E9" s="8" t="s">
        <v>66</v>
      </c>
      <c r="F9" s="8" t="s">
        <v>67</v>
      </c>
      <c r="G9" s="8" t="s">
        <v>68</v>
      </c>
      <c r="H9" s="8" t="s">
        <v>69</v>
      </c>
      <c r="I9" s="8" t="s">
        <v>65</v>
      </c>
      <c r="J9" s="8" t="s">
        <v>66</v>
      </c>
      <c r="K9" s="8" t="s">
        <v>67</v>
      </c>
      <c r="L9" s="8" t="s">
        <v>68</v>
      </c>
      <c r="M9" s="8" t="s">
        <v>69</v>
      </c>
      <c r="N9" s="8" t="s">
        <v>70</v>
      </c>
      <c r="O9" s="8" t="s">
        <v>71</v>
      </c>
      <c r="P9" s="8" t="s">
        <v>72</v>
      </c>
      <c r="Q9" s="8" t="s">
        <v>68</v>
      </c>
      <c r="R9" s="8" t="s">
        <v>69</v>
      </c>
      <c r="S9" s="8" t="s">
        <v>65</v>
      </c>
      <c r="T9" s="8" t="s">
        <v>66</v>
      </c>
      <c r="U9" s="8" t="s">
        <v>67</v>
      </c>
      <c r="V9" s="8" t="s">
        <v>68</v>
      </c>
      <c r="W9" s="8" t="s">
        <v>69</v>
      </c>
      <c r="X9" s="8" t="s">
        <v>65</v>
      </c>
      <c r="Y9" s="8" t="s">
        <v>66</v>
      </c>
      <c r="Z9" s="8" t="s">
        <v>67</v>
      </c>
      <c r="AA9" s="8" t="s">
        <v>68</v>
      </c>
      <c r="AB9" s="8" t="s">
        <v>69</v>
      </c>
      <c r="AC9" s="8" t="s">
        <v>73</v>
      </c>
      <c r="AD9" s="8" t="s">
        <v>66</v>
      </c>
      <c r="AE9" s="8" t="s">
        <v>67</v>
      </c>
      <c r="AF9" s="8" t="s">
        <v>68</v>
      </c>
      <c r="AG9" s="8" t="s">
        <v>69</v>
      </c>
      <c r="AH9" s="8" t="s">
        <v>65</v>
      </c>
      <c r="AI9" s="8" t="s">
        <v>66</v>
      </c>
      <c r="AJ9" s="8" t="s">
        <v>67</v>
      </c>
      <c r="AK9" s="8" t="s">
        <v>68</v>
      </c>
      <c r="AL9" s="8" t="s">
        <v>69</v>
      </c>
      <c r="AM9" s="8" t="s">
        <v>74</v>
      </c>
      <c r="AN9" s="8" t="s">
        <v>75</v>
      </c>
      <c r="AO9" s="8" t="s">
        <v>66</v>
      </c>
      <c r="AP9" s="8" t="s">
        <v>67</v>
      </c>
      <c r="AQ9" s="8" t="s">
        <v>68</v>
      </c>
      <c r="AR9" s="8" t="s">
        <v>69</v>
      </c>
      <c r="AS9" s="8" t="s">
        <v>74</v>
      </c>
      <c r="AT9" s="8" t="s">
        <v>75</v>
      </c>
      <c r="AU9" s="8" t="s">
        <v>66</v>
      </c>
      <c r="AV9" s="8" t="s">
        <v>67</v>
      </c>
      <c r="AW9" s="8" t="s">
        <v>68</v>
      </c>
      <c r="AX9" s="8" t="s">
        <v>69</v>
      </c>
      <c r="AY9" s="8" t="s">
        <v>74</v>
      </c>
      <c r="AZ9" s="8" t="s">
        <v>75</v>
      </c>
      <c r="BA9" s="8" t="s">
        <v>66</v>
      </c>
      <c r="BB9" s="8" t="s">
        <v>67</v>
      </c>
      <c r="BC9" s="8" t="s">
        <v>68</v>
      </c>
      <c r="BD9" s="8" t="s">
        <v>69</v>
      </c>
      <c r="BE9" s="8" t="s">
        <v>65</v>
      </c>
      <c r="BF9" s="8" t="s">
        <v>66</v>
      </c>
      <c r="BG9" s="8" t="s">
        <v>67</v>
      </c>
      <c r="BH9" s="8" t="s">
        <v>68</v>
      </c>
      <c r="BI9" s="8" t="s">
        <v>69</v>
      </c>
      <c r="BJ9" s="8" t="s">
        <v>65</v>
      </c>
      <c r="BK9" s="8" t="s">
        <v>66</v>
      </c>
      <c r="BL9" s="8" t="s">
        <v>67</v>
      </c>
      <c r="BM9" s="8" t="s">
        <v>68</v>
      </c>
      <c r="BN9" s="8" t="s">
        <v>69</v>
      </c>
      <c r="BO9" s="8" t="s">
        <v>74</v>
      </c>
      <c r="BP9" s="8" t="s">
        <v>75</v>
      </c>
      <c r="BQ9" s="8" t="s">
        <v>66</v>
      </c>
      <c r="BR9" s="8" t="s">
        <v>67</v>
      </c>
      <c r="BS9" s="8" t="s">
        <v>68</v>
      </c>
      <c r="BT9" s="8" t="s">
        <v>69</v>
      </c>
      <c r="BU9" s="8" t="s">
        <v>72</v>
      </c>
      <c r="BV9" s="8" t="s">
        <v>76</v>
      </c>
      <c r="BW9" s="8" t="s">
        <v>70</v>
      </c>
      <c r="BX9" s="8" t="s">
        <v>77</v>
      </c>
      <c r="BY9" s="8" t="s">
        <v>78</v>
      </c>
      <c r="BZ9" s="8" t="s">
        <v>66</v>
      </c>
      <c r="CA9" s="8" t="s">
        <v>67</v>
      </c>
      <c r="CB9" s="8" t="s">
        <v>68</v>
      </c>
      <c r="CC9" s="8" t="s">
        <v>69</v>
      </c>
      <c r="CD9" s="8" t="s">
        <v>70</v>
      </c>
      <c r="CE9" s="8" t="s">
        <v>79</v>
      </c>
      <c r="CF9" s="8" t="s">
        <v>75</v>
      </c>
      <c r="CG9" s="8" t="s">
        <v>66</v>
      </c>
      <c r="CH9" s="8" t="s">
        <v>67</v>
      </c>
      <c r="CI9" s="8" t="s">
        <v>68</v>
      </c>
      <c r="CJ9" s="8" t="s">
        <v>69</v>
      </c>
      <c r="CK9" s="8" t="s">
        <v>70</v>
      </c>
      <c r="CL9" s="8" t="s">
        <v>80</v>
      </c>
      <c r="CM9" s="8" t="s">
        <v>81</v>
      </c>
      <c r="CN9" s="8" t="s">
        <v>78</v>
      </c>
      <c r="CO9" s="8" t="s">
        <v>66</v>
      </c>
      <c r="CP9" s="8" t="s">
        <v>67</v>
      </c>
      <c r="CQ9" s="8" t="s">
        <v>68</v>
      </c>
      <c r="CR9" s="8" t="s">
        <v>69</v>
      </c>
      <c r="CS9" s="8" t="s">
        <v>70</v>
      </c>
      <c r="CT9" s="8" t="s">
        <v>77</v>
      </c>
      <c r="CU9" s="8" t="s">
        <v>78</v>
      </c>
      <c r="CV9" s="8" t="s">
        <v>66</v>
      </c>
      <c r="CW9" s="8" t="s">
        <v>67</v>
      </c>
      <c r="CX9" s="8" t="s">
        <v>68</v>
      </c>
      <c r="CY9" s="8" t="s">
        <v>69</v>
      </c>
      <c r="CZ9" s="8" t="s">
        <v>70</v>
      </c>
      <c r="DA9" s="8" t="s">
        <v>77</v>
      </c>
      <c r="DB9" s="8" t="s">
        <v>78</v>
      </c>
      <c r="DC9" s="8" t="s">
        <v>66</v>
      </c>
      <c r="DD9" s="8" t="s">
        <v>67</v>
      </c>
      <c r="DE9" s="8" t="s">
        <v>68</v>
      </c>
      <c r="DF9" s="8" t="s">
        <v>69</v>
      </c>
      <c r="DG9" s="8" t="s">
        <v>70</v>
      </c>
      <c r="DH9" s="8" t="s">
        <v>77</v>
      </c>
      <c r="DI9" s="8" t="s">
        <v>78</v>
      </c>
      <c r="DJ9" s="8" t="s">
        <v>66</v>
      </c>
      <c r="DK9" s="8" t="s">
        <v>67</v>
      </c>
      <c r="DL9" s="8" t="s">
        <v>68</v>
      </c>
      <c r="DM9" s="8" t="s">
        <v>69</v>
      </c>
      <c r="DN9" s="8" t="s">
        <v>70</v>
      </c>
      <c r="DO9" s="8" t="s">
        <v>82</v>
      </c>
      <c r="DP9" s="8" t="s">
        <v>83</v>
      </c>
      <c r="DQ9" s="8" t="s">
        <v>84</v>
      </c>
      <c r="DR9" s="8" t="s">
        <v>85</v>
      </c>
      <c r="DS9" s="8" t="s">
        <v>69</v>
      </c>
      <c r="DT9" s="8" t="s">
        <v>86</v>
      </c>
      <c r="DU9" s="8" t="s">
        <v>87</v>
      </c>
      <c r="DV9" s="8" t="s">
        <v>85</v>
      </c>
      <c r="DW9" s="8" t="s">
        <v>69</v>
      </c>
      <c r="DX9" s="8" t="s">
        <v>88</v>
      </c>
      <c r="DY9" s="8" t="s">
        <v>85</v>
      </c>
      <c r="DZ9" s="8" t="s">
        <v>69</v>
      </c>
      <c r="EA9" s="8" t="s">
        <v>89</v>
      </c>
      <c r="EB9" s="8" t="s">
        <v>90</v>
      </c>
      <c r="EC9" s="8" t="s">
        <v>85</v>
      </c>
      <c r="ED9" s="8" t="s">
        <v>69</v>
      </c>
      <c r="EE9" s="8" t="s">
        <v>91</v>
      </c>
      <c r="EF9" s="8" t="s">
        <v>79</v>
      </c>
      <c r="EG9" s="8" t="s">
        <v>92</v>
      </c>
      <c r="EH9" s="8" t="s">
        <v>67</v>
      </c>
      <c r="EI9" s="8" t="s">
        <v>68</v>
      </c>
      <c r="EJ9" s="8" t="s">
        <v>69</v>
      </c>
      <c r="EK9" s="8" t="s">
        <v>91</v>
      </c>
      <c r="EL9" s="8" t="s">
        <v>79</v>
      </c>
      <c r="EM9" s="8" t="s">
        <v>92</v>
      </c>
      <c r="EN9" s="8" t="s">
        <v>67</v>
      </c>
      <c r="EO9" s="8" t="s">
        <v>68</v>
      </c>
      <c r="EP9" s="8" t="s">
        <v>69</v>
      </c>
      <c r="EQ9" s="8" t="s">
        <v>70</v>
      </c>
      <c r="ER9" s="8" t="s">
        <v>77</v>
      </c>
      <c r="ES9" s="8" t="s">
        <v>78</v>
      </c>
      <c r="ET9" s="8" t="s">
        <v>93</v>
      </c>
      <c r="EU9" s="8" t="s">
        <v>94</v>
      </c>
      <c r="EV9" s="8" t="s">
        <v>68</v>
      </c>
      <c r="EW9" s="8" t="s">
        <v>69</v>
      </c>
      <c r="EX9" s="8" t="s">
        <v>65</v>
      </c>
      <c r="EY9" s="8" t="s">
        <v>72</v>
      </c>
      <c r="EZ9" s="8" t="s">
        <v>85</v>
      </c>
      <c r="FA9" s="8" t="s">
        <v>69</v>
      </c>
      <c r="FB9" s="8" t="s">
        <v>91</v>
      </c>
      <c r="FC9" s="8" t="s">
        <v>95</v>
      </c>
      <c r="FD9" s="8" t="s">
        <v>67</v>
      </c>
      <c r="FE9" s="8" t="s">
        <v>68</v>
      </c>
      <c r="FF9" s="8" t="s">
        <v>69</v>
      </c>
      <c r="FG9" s="8" t="s">
        <v>70</v>
      </c>
      <c r="FH9" s="8" t="s">
        <v>96</v>
      </c>
      <c r="FI9" s="8" t="s">
        <v>66</v>
      </c>
      <c r="FJ9" s="8" t="s">
        <v>67</v>
      </c>
      <c r="FK9" s="8" t="s">
        <v>68</v>
      </c>
      <c r="FL9" s="8" t="s">
        <v>69</v>
      </c>
      <c r="FM9" s="8" t="s">
        <v>70</v>
      </c>
      <c r="FN9" s="8" t="s">
        <v>96</v>
      </c>
      <c r="FO9" s="8" t="s">
        <v>66</v>
      </c>
      <c r="FP9" s="8" t="s">
        <v>67</v>
      </c>
      <c r="FQ9" s="8" t="s">
        <v>68</v>
      </c>
      <c r="FR9" s="8" t="s">
        <v>69</v>
      </c>
      <c r="FS9" s="8" t="s">
        <v>70</v>
      </c>
      <c r="FT9" s="8" t="s">
        <v>71</v>
      </c>
      <c r="FU9" s="8" t="s">
        <v>66</v>
      </c>
      <c r="FV9" s="8" t="s">
        <v>67</v>
      </c>
      <c r="FW9" s="8" t="s">
        <v>68</v>
      </c>
      <c r="FX9" s="8" t="s">
        <v>69</v>
      </c>
      <c r="FY9" s="8" t="s">
        <v>70</v>
      </c>
      <c r="FZ9" s="8" t="s">
        <v>77</v>
      </c>
      <c r="GA9" s="8" t="s">
        <v>78</v>
      </c>
      <c r="GB9" s="8" t="s">
        <v>93</v>
      </c>
      <c r="GC9" s="8" t="s">
        <v>94</v>
      </c>
      <c r="GD9" s="8" t="s">
        <v>68</v>
      </c>
      <c r="GE9" s="8" t="s">
        <v>69</v>
      </c>
      <c r="GF9" s="8" t="s">
        <v>91</v>
      </c>
      <c r="GG9" s="8" t="s">
        <v>97</v>
      </c>
      <c r="GH9" s="8" t="s">
        <v>67</v>
      </c>
      <c r="GI9" s="8" t="s">
        <v>68</v>
      </c>
      <c r="GJ9" s="8" t="s">
        <v>69</v>
      </c>
      <c r="GK9" s="8" t="s">
        <v>89</v>
      </c>
      <c r="GL9" s="8" t="s">
        <v>90</v>
      </c>
      <c r="GM9" s="8" t="s">
        <v>85</v>
      </c>
      <c r="GN9" s="8" t="s">
        <v>69</v>
      </c>
      <c r="GO9" s="8" t="s">
        <v>86</v>
      </c>
      <c r="GP9" s="8" t="s">
        <v>67</v>
      </c>
      <c r="GQ9" s="8" t="s">
        <v>68</v>
      </c>
      <c r="GR9" s="8" t="s">
        <v>69</v>
      </c>
      <c r="GS9" s="8" t="s">
        <v>98</v>
      </c>
      <c r="GT9" s="8" t="s">
        <v>99</v>
      </c>
      <c r="GU9" s="8" t="s">
        <v>69</v>
      </c>
    </row>
    <row r="10" spans="2:203" s="6" customFormat="1" ht="28.8" x14ac:dyDescent="0.2">
      <c r="B10" s="33" t="s">
        <v>106</v>
      </c>
      <c r="C10" s="11" t="s">
        <v>101</v>
      </c>
      <c r="D10" s="8" t="s">
        <v>102</v>
      </c>
      <c r="E10" s="8" t="s">
        <v>102</v>
      </c>
      <c r="F10" s="8" t="s">
        <v>102</v>
      </c>
      <c r="G10" s="8" t="s">
        <v>102</v>
      </c>
      <c r="H10" s="8" t="s">
        <v>102</v>
      </c>
      <c r="I10" s="8"/>
      <c r="J10" s="8"/>
      <c r="K10" s="8"/>
      <c r="L10" s="8" t="s">
        <v>107</v>
      </c>
      <c r="M10" s="8" t="s">
        <v>107</v>
      </c>
      <c r="N10" s="8"/>
      <c r="O10" s="8"/>
      <c r="P10" s="8"/>
      <c r="Q10" s="8"/>
      <c r="R10" s="8"/>
      <c r="S10" s="8"/>
      <c r="T10" s="8"/>
      <c r="U10" s="8"/>
      <c r="V10" s="8" t="s">
        <v>102</v>
      </c>
      <c r="W10" s="8" t="s">
        <v>102</v>
      </c>
      <c r="X10" s="8"/>
      <c r="Y10" s="8"/>
      <c r="Z10" s="8"/>
      <c r="AA10" s="8" t="s">
        <v>102</v>
      </c>
      <c r="AB10" s="8" t="s">
        <v>102</v>
      </c>
      <c r="AC10" s="8"/>
      <c r="AD10" s="8"/>
      <c r="AE10" s="8"/>
      <c r="AF10" s="8" t="s">
        <v>102</v>
      </c>
      <c r="AG10" s="8" t="s">
        <v>102</v>
      </c>
      <c r="AH10" s="8"/>
      <c r="AI10" s="8"/>
      <c r="AJ10" s="8"/>
      <c r="AK10" s="8" t="s">
        <v>102</v>
      </c>
      <c r="AL10" s="8" t="s">
        <v>102</v>
      </c>
      <c r="AM10" s="8"/>
      <c r="AN10" s="8" t="s">
        <v>102</v>
      </c>
      <c r="AO10" s="8" t="s">
        <v>102</v>
      </c>
      <c r="AP10" s="8" t="s">
        <v>102</v>
      </c>
      <c r="AQ10" s="8" t="s">
        <v>102</v>
      </c>
      <c r="AR10" s="8" t="s">
        <v>102</v>
      </c>
      <c r="AS10" s="8"/>
      <c r="AT10" s="8" t="s">
        <v>102</v>
      </c>
      <c r="AU10" s="8" t="s">
        <v>102</v>
      </c>
      <c r="AV10" s="8" t="s">
        <v>102</v>
      </c>
      <c r="AW10" s="8" t="s">
        <v>102</v>
      </c>
      <c r="AX10" s="8" t="s">
        <v>102</v>
      </c>
      <c r="AY10" s="8"/>
      <c r="AZ10" s="8"/>
      <c r="BA10" s="8"/>
      <c r="BB10" s="8"/>
      <c r="BC10" s="8" t="s">
        <v>102</v>
      </c>
      <c r="BD10" s="8" t="s">
        <v>102</v>
      </c>
      <c r="BE10" s="8"/>
      <c r="BF10" s="8"/>
      <c r="BG10" s="8"/>
      <c r="BH10" s="8" t="s">
        <v>102</v>
      </c>
      <c r="BI10" s="8" t="s">
        <v>102</v>
      </c>
      <c r="BJ10" s="8"/>
      <c r="BK10" s="8"/>
      <c r="BL10" s="8"/>
      <c r="BM10" s="8" t="s">
        <v>102</v>
      </c>
      <c r="BN10" s="8" t="s">
        <v>102</v>
      </c>
      <c r="BO10" s="8"/>
      <c r="BP10" s="8" t="s">
        <v>102</v>
      </c>
      <c r="BQ10" s="8" t="s">
        <v>102</v>
      </c>
      <c r="BR10" s="8" t="s">
        <v>102</v>
      </c>
      <c r="BS10" s="8" t="s">
        <v>102</v>
      </c>
      <c r="BT10" s="8" t="s">
        <v>102</v>
      </c>
      <c r="BU10" s="8"/>
      <c r="BV10" s="8"/>
      <c r="BW10" s="8"/>
      <c r="BX10" s="8"/>
      <c r="BY10" s="8"/>
      <c r="BZ10" s="8"/>
      <c r="CA10" s="8"/>
      <c r="CB10" s="8" t="s">
        <v>102</v>
      </c>
      <c r="CC10" s="8" t="s">
        <v>102</v>
      </c>
      <c r="CD10" s="8"/>
      <c r="CE10" s="8"/>
      <c r="CF10" s="8"/>
      <c r="CG10" s="8"/>
      <c r="CH10" s="8"/>
      <c r="CI10" s="8" t="s">
        <v>102</v>
      </c>
      <c r="CJ10" s="8" t="s">
        <v>102</v>
      </c>
      <c r="CK10" s="4"/>
      <c r="CL10" s="4"/>
      <c r="CM10" s="4"/>
      <c r="CN10" s="4"/>
      <c r="CO10" s="8"/>
      <c r="CP10" s="8"/>
      <c r="CQ10" s="8" t="s">
        <v>102</v>
      </c>
      <c r="CR10" s="8" t="s">
        <v>102</v>
      </c>
      <c r="CS10" s="4"/>
      <c r="CT10" s="4"/>
      <c r="CU10" s="4"/>
      <c r="CV10" s="8"/>
      <c r="CW10" s="8"/>
      <c r="CX10" s="8" t="s">
        <v>102</v>
      </c>
      <c r="CY10" s="8" t="s">
        <v>102</v>
      </c>
      <c r="CZ10" s="8"/>
      <c r="DA10" s="8"/>
      <c r="DB10" s="8"/>
      <c r="DC10" s="8"/>
      <c r="DD10" s="8"/>
      <c r="DE10" s="8" t="s">
        <v>102</v>
      </c>
      <c r="DF10" s="8" t="s">
        <v>102</v>
      </c>
      <c r="DG10" s="4"/>
      <c r="DH10" s="4"/>
      <c r="DI10" s="4"/>
      <c r="DJ10" s="8"/>
      <c r="DK10" s="8"/>
      <c r="DL10" s="8" t="s">
        <v>102</v>
      </c>
      <c r="DM10" s="8" t="s">
        <v>102</v>
      </c>
      <c r="DN10" s="4"/>
      <c r="DO10" s="4"/>
      <c r="DP10" s="4"/>
      <c r="DQ10" s="4"/>
      <c r="DR10" s="8"/>
      <c r="DS10" s="8"/>
      <c r="DT10" s="4"/>
      <c r="DU10" s="4"/>
      <c r="DV10" s="8"/>
      <c r="DW10" s="8"/>
      <c r="DX10" s="4"/>
      <c r="DY10" s="8"/>
      <c r="DZ10" s="8"/>
      <c r="EA10" s="3"/>
      <c r="EB10" s="3"/>
      <c r="EC10" s="8"/>
      <c r="ED10" s="8"/>
      <c r="EE10" s="4"/>
      <c r="EF10" s="4"/>
      <c r="EG10" s="4"/>
      <c r="EH10" s="4"/>
      <c r="EI10" s="8" t="s">
        <v>102</v>
      </c>
      <c r="EJ10" s="8" t="s">
        <v>102</v>
      </c>
      <c r="EK10" s="4"/>
      <c r="EL10" s="4"/>
      <c r="EM10" s="4"/>
      <c r="EN10" s="4"/>
      <c r="EO10" s="8" t="s">
        <v>102</v>
      </c>
      <c r="EP10" s="8" t="s">
        <v>102</v>
      </c>
      <c r="EQ10" s="4"/>
      <c r="ER10" s="4"/>
      <c r="ES10" s="4"/>
      <c r="ET10" s="4"/>
      <c r="EU10" s="4"/>
      <c r="EV10" s="8" t="s">
        <v>102</v>
      </c>
      <c r="EW10" s="8" t="s">
        <v>102</v>
      </c>
      <c r="EX10" s="8"/>
      <c r="EY10" s="8"/>
      <c r="EZ10" s="8"/>
      <c r="FA10" s="8"/>
      <c r="FB10" s="4"/>
      <c r="FC10" s="4"/>
      <c r="FD10" s="4"/>
      <c r="FE10" s="8" t="s">
        <v>102</v>
      </c>
      <c r="FF10" s="8" t="s">
        <v>102</v>
      </c>
      <c r="FG10" s="4"/>
      <c r="FH10" s="4"/>
      <c r="FI10" s="8"/>
      <c r="FJ10" s="8"/>
      <c r="FK10" s="8" t="s">
        <v>102</v>
      </c>
      <c r="FL10" s="8" t="s">
        <v>102</v>
      </c>
      <c r="FM10" s="4"/>
      <c r="FN10" s="4"/>
      <c r="FO10" s="8"/>
      <c r="FP10" s="8"/>
      <c r="FQ10" s="8" t="s">
        <v>102</v>
      </c>
      <c r="FR10" s="8" t="s">
        <v>102</v>
      </c>
      <c r="FS10" s="4"/>
      <c r="FT10" s="4"/>
      <c r="FU10" s="8"/>
      <c r="FV10" s="8"/>
      <c r="FW10" s="8" t="s">
        <v>102</v>
      </c>
      <c r="FX10" s="8" t="s">
        <v>102</v>
      </c>
      <c r="FY10" s="4"/>
      <c r="FZ10" s="4"/>
      <c r="GA10" s="4"/>
      <c r="GB10" s="8"/>
      <c r="GC10" s="8"/>
      <c r="GD10" s="8"/>
      <c r="GE10" s="8"/>
      <c r="GF10" s="4"/>
      <c r="GG10" s="4"/>
      <c r="GH10" s="4"/>
      <c r="GI10" s="8" t="s">
        <v>102</v>
      </c>
      <c r="GJ10" s="8" t="s">
        <v>102</v>
      </c>
      <c r="GK10" s="3"/>
      <c r="GL10" s="3"/>
      <c r="GM10" s="8"/>
      <c r="GN10" s="8"/>
      <c r="GO10" s="8"/>
      <c r="GP10" s="8"/>
      <c r="GQ10" s="8"/>
      <c r="GR10" s="8"/>
      <c r="GS10" s="5"/>
      <c r="GT10" s="5"/>
      <c r="GU10" s="5"/>
    </row>
    <row r="11" spans="2:203" s="6" customFormat="1" ht="28.8" x14ac:dyDescent="0.2">
      <c r="B11" s="32"/>
      <c r="C11" s="8" t="s">
        <v>105</v>
      </c>
      <c r="D11" s="8" t="s">
        <v>102</v>
      </c>
      <c r="E11" s="8" t="s">
        <v>102</v>
      </c>
      <c r="F11" s="8" t="s">
        <v>102</v>
      </c>
      <c r="G11" s="8" t="s">
        <v>102</v>
      </c>
      <c r="H11" s="8" t="s">
        <v>102</v>
      </c>
      <c r="I11" s="8"/>
      <c r="J11" s="8"/>
      <c r="K11" s="8"/>
      <c r="L11" s="8" t="s">
        <v>107</v>
      </c>
      <c r="M11" s="8" t="s">
        <v>107</v>
      </c>
      <c r="N11" s="8"/>
      <c r="O11" s="8"/>
      <c r="P11" s="8"/>
      <c r="Q11" s="8"/>
      <c r="R11" s="8"/>
      <c r="S11" s="8"/>
      <c r="T11" s="8"/>
      <c r="U11" s="8"/>
      <c r="V11" s="8" t="s">
        <v>102</v>
      </c>
      <c r="W11" s="8" t="s">
        <v>102</v>
      </c>
      <c r="X11" s="8"/>
      <c r="Y11" s="8"/>
      <c r="Z11" s="8"/>
      <c r="AA11" s="8" t="s">
        <v>102</v>
      </c>
      <c r="AB11" s="8" t="s">
        <v>102</v>
      </c>
      <c r="AC11" s="8" t="s">
        <v>102</v>
      </c>
      <c r="AD11" s="8" t="s">
        <v>102</v>
      </c>
      <c r="AE11" s="8" t="s">
        <v>102</v>
      </c>
      <c r="AF11" s="8" t="s">
        <v>102</v>
      </c>
      <c r="AG11" s="8" t="s">
        <v>102</v>
      </c>
      <c r="AH11" s="8" t="s">
        <v>102</v>
      </c>
      <c r="AI11" s="8" t="s">
        <v>102</v>
      </c>
      <c r="AJ11" s="8" t="s">
        <v>102</v>
      </c>
      <c r="AK11" s="8" t="s">
        <v>102</v>
      </c>
      <c r="AL11" s="8" t="s">
        <v>102</v>
      </c>
      <c r="AM11" s="8"/>
      <c r="AN11" s="8" t="s">
        <v>102</v>
      </c>
      <c r="AO11" s="8" t="s">
        <v>102</v>
      </c>
      <c r="AP11" s="8" t="s">
        <v>102</v>
      </c>
      <c r="AQ11" s="8" t="s">
        <v>102</v>
      </c>
      <c r="AR11" s="8" t="s">
        <v>102</v>
      </c>
      <c r="AS11" s="8"/>
      <c r="AT11" s="8" t="s">
        <v>102</v>
      </c>
      <c r="AU11" s="8" t="s">
        <v>102</v>
      </c>
      <c r="AV11" s="8" t="s">
        <v>102</v>
      </c>
      <c r="AW11" s="8" t="s">
        <v>102</v>
      </c>
      <c r="AX11" s="8" t="s">
        <v>102</v>
      </c>
      <c r="AY11" s="8"/>
      <c r="AZ11" s="8"/>
      <c r="BA11" s="8" t="s">
        <v>102</v>
      </c>
      <c r="BB11" s="8" t="s">
        <v>102</v>
      </c>
      <c r="BC11" s="8" t="s">
        <v>102</v>
      </c>
      <c r="BD11" s="8" t="s">
        <v>102</v>
      </c>
      <c r="BE11" s="8"/>
      <c r="BF11" s="8"/>
      <c r="BG11" s="8"/>
      <c r="BH11" s="8" t="s">
        <v>102</v>
      </c>
      <c r="BI11" s="8" t="s">
        <v>102</v>
      </c>
      <c r="BJ11" s="8"/>
      <c r="BK11" s="8"/>
      <c r="BL11" s="8"/>
      <c r="BM11" s="8" t="s">
        <v>102</v>
      </c>
      <c r="BN11" s="8" t="s">
        <v>102</v>
      </c>
      <c r="BO11" s="8"/>
      <c r="BP11" s="8" t="s">
        <v>102</v>
      </c>
      <c r="BQ11" s="8" t="s">
        <v>102</v>
      </c>
      <c r="BR11" s="8" t="s">
        <v>102</v>
      </c>
      <c r="BS11" s="8" t="s">
        <v>102</v>
      </c>
      <c r="BT11" s="8" t="s">
        <v>102</v>
      </c>
      <c r="BU11" s="8"/>
      <c r="BV11" s="8"/>
      <c r="BW11" s="8"/>
      <c r="BX11" s="8"/>
      <c r="BY11" s="8"/>
      <c r="BZ11" s="8" t="s">
        <v>102</v>
      </c>
      <c r="CA11" s="8" t="s">
        <v>102</v>
      </c>
      <c r="CB11" s="8" t="s">
        <v>102</v>
      </c>
      <c r="CC11" s="8" t="s">
        <v>102</v>
      </c>
      <c r="CD11" s="8"/>
      <c r="CE11" s="8"/>
      <c r="CF11" s="8"/>
      <c r="CG11" s="8" t="s">
        <v>102</v>
      </c>
      <c r="CH11" s="8" t="s">
        <v>102</v>
      </c>
      <c r="CI11" s="8" t="s">
        <v>102</v>
      </c>
      <c r="CJ11" s="8" t="s">
        <v>102</v>
      </c>
      <c r="CK11" s="4"/>
      <c r="CL11" s="4"/>
      <c r="CM11" s="4"/>
      <c r="CN11" s="4"/>
      <c r="CO11" s="8" t="s">
        <v>102</v>
      </c>
      <c r="CP11" s="8" t="s">
        <v>102</v>
      </c>
      <c r="CQ11" s="8" t="s">
        <v>102</v>
      </c>
      <c r="CR11" s="8" t="s">
        <v>102</v>
      </c>
      <c r="CS11" s="4"/>
      <c r="CT11" s="4"/>
      <c r="CU11" s="4"/>
      <c r="CV11" s="8" t="s">
        <v>102</v>
      </c>
      <c r="CW11" s="8" t="s">
        <v>102</v>
      </c>
      <c r="CX11" s="8" t="s">
        <v>102</v>
      </c>
      <c r="CY11" s="8" t="s">
        <v>102</v>
      </c>
      <c r="CZ11" s="8"/>
      <c r="DA11" s="8"/>
      <c r="DB11" s="8"/>
      <c r="DC11" s="8"/>
      <c r="DD11" s="8"/>
      <c r="DE11" s="8" t="s">
        <v>102</v>
      </c>
      <c r="DF11" s="8" t="s">
        <v>102</v>
      </c>
      <c r="DG11" s="4"/>
      <c r="DH11" s="4"/>
      <c r="DI11" s="4"/>
      <c r="DJ11" s="8"/>
      <c r="DK11" s="8"/>
      <c r="DL11" s="8" t="s">
        <v>102</v>
      </c>
      <c r="DM11" s="8" t="s">
        <v>102</v>
      </c>
      <c r="DN11" s="4"/>
      <c r="DO11" s="4"/>
      <c r="DP11" s="4"/>
      <c r="DQ11" s="4"/>
      <c r="DR11" s="8"/>
      <c r="DS11" s="8"/>
      <c r="DT11" s="4"/>
      <c r="DU11" s="4"/>
      <c r="DV11" s="8" t="s">
        <v>102</v>
      </c>
      <c r="DW11" s="8" t="s">
        <v>102</v>
      </c>
      <c r="DX11" s="4"/>
      <c r="DY11" s="8"/>
      <c r="DZ11" s="8"/>
      <c r="EA11" s="3"/>
      <c r="EB11" s="3"/>
      <c r="EC11" s="8"/>
      <c r="ED11" s="8"/>
      <c r="EE11" s="4"/>
      <c r="EF11" s="4"/>
      <c r="EG11" s="4"/>
      <c r="EH11" s="4"/>
      <c r="EI11" s="8" t="s">
        <v>102</v>
      </c>
      <c r="EJ11" s="8" t="s">
        <v>102</v>
      </c>
      <c r="EK11" s="4"/>
      <c r="EL11" s="4"/>
      <c r="EM11" s="4"/>
      <c r="EN11" s="4"/>
      <c r="EO11" s="8" t="s">
        <v>102</v>
      </c>
      <c r="EP11" s="8" t="s">
        <v>102</v>
      </c>
      <c r="EQ11" s="4"/>
      <c r="ER11" s="4"/>
      <c r="ES11" s="4"/>
      <c r="ET11" s="4"/>
      <c r="EU11" s="4"/>
      <c r="EV11" s="8" t="s">
        <v>102</v>
      </c>
      <c r="EW11" s="8" t="s">
        <v>102</v>
      </c>
      <c r="EX11" s="8"/>
      <c r="EY11" s="8"/>
      <c r="EZ11" s="8"/>
      <c r="FA11" s="8"/>
      <c r="FB11" s="4"/>
      <c r="FC11" s="4"/>
      <c r="FD11" s="4"/>
      <c r="FE11" s="8" t="s">
        <v>102</v>
      </c>
      <c r="FF11" s="8" t="s">
        <v>102</v>
      </c>
      <c r="FG11" s="4"/>
      <c r="FH11" s="4"/>
      <c r="FI11" s="8"/>
      <c r="FJ11" s="8"/>
      <c r="FK11" s="8" t="s">
        <v>102</v>
      </c>
      <c r="FL11" s="8" t="s">
        <v>102</v>
      </c>
      <c r="FM11" s="4"/>
      <c r="FN11" s="4"/>
      <c r="FO11" s="8"/>
      <c r="FP11" s="8"/>
      <c r="FQ11" s="8" t="s">
        <v>102</v>
      </c>
      <c r="FR11" s="8" t="s">
        <v>102</v>
      </c>
      <c r="FS11" s="4"/>
      <c r="FT11" s="4"/>
      <c r="FU11" s="8"/>
      <c r="FV11" s="8"/>
      <c r="FW11" s="8" t="s">
        <v>102</v>
      </c>
      <c r="FX11" s="8" t="s">
        <v>102</v>
      </c>
      <c r="FY11" s="4"/>
      <c r="FZ11" s="4"/>
      <c r="GA11" s="4"/>
      <c r="GB11" s="8"/>
      <c r="GC11" s="8"/>
      <c r="GD11" s="8"/>
      <c r="GE11" s="8"/>
      <c r="GF11" s="4"/>
      <c r="GG11" s="4"/>
      <c r="GH11" s="4"/>
      <c r="GI11" s="8" t="s">
        <v>102</v>
      </c>
      <c r="GJ11" s="8" t="s">
        <v>102</v>
      </c>
      <c r="GK11" s="3"/>
      <c r="GL11" s="3"/>
      <c r="GM11" s="8"/>
      <c r="GN11" s="8"/>
      <c r="GO11" s="8" t="s">
        <v>102</v>
      </c>
      <c r="GP11" s="8" t="s">
        <v>102</v>
      </c>
      <c r="GQ11" s="8" t="s">
        <v>102</v>
      </c>
      <c r="GR11" s="8" t="s">
        <v>102</v>
      </c>
      <c r="GS11" s="5"/>
      <c r="GT11" s="5"/>
      <c r="GU11" s="5"/>
    </row>
    <row r="12" spans="2:203" s="6" customFormat="1" ht="43.2" x14ac:dyDescent="0.2">
      <c r="B12" s="32" t="s">
        <v>108</v>
      </c>
      <c r="C12" s="11" t="s">
        <v>101</v>
      </c>
      <c r="D12" s="8" t="s">
        <v>109</v>
      </c>
      <c r="E12" s="8" t="s">
        <v>109</v>
      </c>
      <c r="F12" s="8" t="s">
        <v>109</v>
      </c>
      <c r="G12" s="8" t="s">
        <v>102</v>
      </c>
      <c r="H12" s="8" t="s">
        <v>102</v>
      </c>
      <c r="I12" s="8"/>
      <c r="J12" s="8"/>
      <c r="K12" s="8"/>
      <c r="L12" s="8"/>
      <c r="M12" s="8"/>
      <c r="N12" s="8" t="s">
        <v>109</v>
      </c>
      <c r="O12" s="8" t="s">
        <v>109</v>
      </c>
      <c r="P12" s="8" t="s">
        <v>109</v>
      </c>
      <c r="Q12" s="8" t="s">
        <v>102</v>
      </c>
      <c r="R12" s="8" t="s">
        <v>102</v>
      </c>
      <c r="S12" s="8" t="s">
        <v>109</v>
      </c>
      <c r="T12" s="8" t="s">
        <v>109</v>
      </c>
      <c r="U12" s="8" t="s">
        <v>109</v>
      </c>
      <c r="V12" s="8" t="s">
        <v>102</v>
      </c>
      <c r="W12" s="8" t="s">
        <v>102</v>
      </c>
      <c r="X12" s="8" t="s">
        <v>109</v>
      </c>
      <c r="Y12" s="8" t="s">
        <v>109</v>
      </c>
      <c r="Z12" s="8" t="s">
        <v>109</v>
      </c>
      <c r="AA12" s="8" t="s">
        <v>102</v>
      </c>
      <c r="AB12" s="8" t="s">
        <v>102</v>
      </c>
      <c r="AC12" s="8" t="s">
        <v>109</v>
      </c>
      <c r="AD12" s="8" t="s">
        <v>109</v>
      </c>
      <c r="AE12" s="8" t="s">
        <v>109</v>
      </c>
      <c r="AF12" s="8" t="s">
        <v>102</v>
      </c>
      <c r="AG12" s="8" t="s">
        <v>102</v>
      </c>
      <c r="AH12" s="8" t="s">
        <v>109</v>
      </c>
      <c r="AI12" s="8" t="s">
        <v>109</v>
      </c>
      <c r="AJ12" s="8" t="s">
        <v>109</v>
      </c>
      <c r="AK12" s="8" t="s">
        <v>102</v>
      </c>
      <c r="AL12" s="8" t="s">
        <v>102</v>
      </c>
      <c r="AM12" s="8" t="s">
        <v>109</v>
      </c>
      <c r="AN12" s="8" t="s">
        <v>109</v>
      </c>
      <c r="AO12" s="8" t="s">
        <v>109</v>
      </c>
      <c r="AP12" s="8" t="s">
        <v>109</v>
      </c>
      <c r="AQ12" s="8" t="s">
        <v>102</v>
      </c>
      <c r="AR12" s="8" t="s">
        <v>102</v>
      </c>
      <c r="AS12" s="8" t="s">
        <v>109</v>
      </c>
      <c r="AT12" s="8" t="s">
        <v>109</v>
      </c>
      <c r="AU12" s="8" t="s">
        <v>109</v>
      </c>
      <c r="AV12" s="8" t="s">
        <v>109</v>
      </c>
      <c r="AW12" s="8" t="s">
        <v>102</v>
      </c>
      <c r="AX12" s="8" t="s">
        <v>102</v>
      </c>
      <c r="AY12" s="8" t="s">
        <v>109</v>
      </c>
      <c r="AZ12" s="8" t="s">
        <v>109</v>
      </c>
      <c r="BA12" s="8" t="s">
        <v>109</v>
      </c>
      <c r="BB12" s="8" t="s">
        <v>109</v>
      </c>
      <c r="BC12" s="8" t="s">
        <v>102</v>
      </c>
      <c r="BD12" s="8" t="s">
        <v>102</v>
      </c>
      <c r="BE12" s="8" t="s">
        <v>109</v>
      </c>
      <c r="BF12" s="8" t="s">
        <v>109</v>
      </c>
      <c r="BG12" s="8" t="s">
        <v>109</v>
      </c>
      <c r="BH12" s="8" t="s">
        <v>110</v>
      </c>
      <c r="BI12" s="8" t="s">
        <v>110</v>
      </c>
      <c r="BJ12" s="8" t="s">
        <v>109</v>
      </c>
      <c r="BK12" s="8" t="s">
        <v>109</v>
      </c>
      <c r="BL12" s="8" t="s">
        <v>109</v>
      </c>
      <c r="BM12" s="8" t="s">
        <v>102</v>
      </c>
      <c r="BN12" s="8" t="s">
        <v>102</v>
      </c>
      <c r="BO12" s="8" t="s">
        <v>109</v>
      </c>
      <c r="BP12" s="8" t="s">
        <v>109</v>
      </c>
      <c r="BQ12" s="8" t="s">
        <v>109</v>
      </c>
      <c r="BR12" s="8" t="s">
        <v>109</v>
      </c>
      <c r="BS12" s="8" t="s">
        <v>102</v>
      </c>
      <c r="BT12" s="8" t="s">
        <v>102</v>
      </c>
      <c r="BU12" s="5"/>
      <c r="BV12" s="5"/>
      <c r="BW12" s="8" t="s">
        <v>109</v>
      </c>
      <c r="BX12" s="8" t="s">
        <v>109</v>
      </c>
      <c r="BY12" s="8" t="s">
        <v>109</v>
      </c>
      <c r="BZ12" s="8" t="s">
        <v>109</v>
      </c>
      <c r="CA12" s="8" t="s">
        <v>109</v>
      </c>
      <c r="CB12" s="8" t="s">
        <v>102</v>
      </c>
      <c r="CC12" s="8" t="s">
        <v>102</v>
      </c>
      <c r="CD12" s="8"/>
      <c r="CE12" s="8"/>
      <c r="CF12" s="8"/>
      <c r="CG12" s="8"/>
      <c r="CH12" s="8"/>
      <c r="CI12" s="8"/>
      <c r="CJ12" s="8"/>
      <c r="CK12" s="8"/>
      <c r="CL12" s="8"/>
      <c r="CM12" s="8"/>
      <c r="CN12" s="8" t="s">
        <v>109</v>
      </c>
      <c r="CO12" s="8" t="s">
        <v>109</v>
      </c>
      <c r="CP12" s="8" t="s">
        <v>109</v>
      </c>
      <c r="CQ12" s="8" t="s">
        <v>102</v>
      </c>
      <c r="CR12" s="8" t="s">
        <v>102</v>
      </c>
      <c r="CS12" s="4"/>
      <c r="CT12" s="4"/>
      <c r="CU12" s="8" t="s">
        <v>109</v>
      </c>
      <c r="CV12" s="8" t="s">
        <v>109</v>
      </c>
      <c r="CW12" s="8" t="s">
        <v>109</v>
      </c>
      <c r="CX12" s="8" t="s">
        <v>102</v>
      </c>
      <c r="CY12" s="8" t="s">
        <v>102</v>
      </c>
      <c r="CZ12" s="4"/>
      <c r="DA12" s="4"/>
      <c r="DB12" s="8" t="s">
        <v>109</v>
      </c>
      <c r="DC12" s="8" t="s">
        <v>109</v>
      </c>
      <c r="DD12" s="8" t="s">
        <v>109</v>
      </c>
      <c r="DE12" s="8" t="s">
        <v>102</v>
      </c>
      <c r="DF12" s="8" t="s">
        <v>102</v>
      </c>
      <c r="DG12" s="4"/>
      <c r="DH12" s="4"/>
      <c r="DI12" s="8" t="s">
        <v>109</v>
      </c>
      <c r="DJ12" s="8" t="s">
        <v>109</v>
      </c>
      <c r="DK12" s="8" t="s">
        <v>109</v>
      </c>
      <c r="DL12" s="8" t="s">
        <v>102</v>
      </c>
      <c r="DM12" s="8" t="s">
        <v>102</v>
      </c>
      <c r="DN12" s="4"/>
      <c r="DO12" s="4"/>
      <c r="DP12" s="8"/>
      <c r="DQ12" s="8"/>
      <c r="DR12" s="8"/>
      <c r="DS12" s="8"/>
      <c r="DT12" s="4"/>
      <c r="DU12" s="8" t="s">
        <v>109</v>
      </c>
      <c r="DV12" s="2" t="s">
        <v>102</v>
      </c>
      <c r="DW12" s="2" t="s">
        <v>102</v>
      </c>
      <c r="DX12" s="4"/>
      <c r="DY12" s="8"/>
      <c r="DZ12" s="8"/>
      <c r="EA12" s="3"/>
      <c r="EB12" s="3"/>
      <c r="EC12" s="8"/>
      <c r="ED12" s="8"/>
      <c r="EE12" s="4"/>
      <c r="EF12" s="4"/>
      <c r="EG12" s="4"/>
      <c r="EH12" s="8" t="s">
        <v>109</v>
      </c>
      <c r="EI12" s="8" t="s">
        <v>102</v>
      </c>
      <c r="EJ12" s="8" t="s">
        <v>102</v>
      </c>
      <c r="EK12" s="4"/>
      <c r="EL12" s="4"/>
      <c r="EM12" s="4"/>
      <c r="EN12" s="8" t="s">
        <v>109</v>
      </c>
      <c r="EO12" s="8" t="s">
        <v>102</v>
      </c>
      <c r="EP12" s="8" t="s">
        <v>102</v>
      </c>
      <c r="EQ12" s="8" t="s">
        <v>109</v>
      </c>
      <c r="ER12" s="8" t="s">
        <v>109</v>
      </c>
      <c r="ES12" s="8" t="s">
        <v>109</v>
      </c>
      <c r="ET12" s="8" t="s">
        <v>109</v>
      </c>
      <c r="EU12" s="8" t="s">
        <v>109</v>
      </c>
      <c r="EV12" s="8" t="s">
        <v>102</v>
      </c>
      <c r="EW12" s="8" t="s">
        <v>102</v>
      </c>
      <c r="EX12" s="8" t="s">
        <v>109</v>
      </c>
      <c r="EY12" s="8" t="s">
        <v>109</v>
      </c>
      <c r="EZ12" s="2" t="s">
        <v>102</v>
      </c>
      <c r="FA12" s="2" t="s">
        <v>102</v>
      </c>
      <c r="FB12" s="4"/>
      <c r="FC12" s="4"/>
      <c r="FD12" s="8" t="s">
        <v>109</v>
      </c>
      <c r="FE12" s="8" t="s">
        <v>102</v>
      </c>
      <c r="FF12" s="8" t="s">
        <v>102</v>
      </c>
      <c r="FG12" s="4"/>
      <c r="FH12" s="4"/>
      <c r="FI12" s="8" t="s">
        <v>109</v>
      </c>
      <c r="FJ12" s="8" t="s">
        <v>109</v>
      </c>
      <c r="FK12" s="8" t="s">
        <v>102</v>
      </c>
      <c r="FL12" s="8" t="s">
        <v>102</v>
      </c>
      <c r="FM12" s="4"/>
      <c r="FN12" s="4"/>
      <c r="FO12" s="8" t="s">
        <v>109</v>
      </c>
      <c r="FP12" s="8" t="s">
        <v>109</v>
      </c>
      <c r="FQ12" s="8" t="s">
        <v>102</v>
      </c>
      <c r="FR12" s="8" t="s">
        <v>102</v>
      </c>
      <c r="FS12" s="4"/>
      <c r="FT12" s="4"/>
      <c r="FU12" s="8"/>
      <c r="FV12" s="8"/>
      <c r="FW12" s="8"/>
      <c r="FX12" s="8"/>
      <c r="FY12" s="4"/>
      <c r="FZ12" s="4"/>
      <c r="GA12" s="8"/>
      <c r="GB12" s="8"/>
      <c r="GC12" s="8"/>
      <c r="GD12" s="8"/>
      <c r="GE12" s="8"/>
      <c r="GF12" s="4"/>
      <c r="GG12" s="4"/>
      <c r="GH12" s="8" t="s">
        <v>109</v>
      </c>
      <c r="GI12" s="8" t="s">
        <v>102</v>
      </c>
      <c r="GJ12" s="8" t="s">
        <v>102</v>
      </c>
      <c r="GK12" s="3"/>
      <c r="GL12" s="3"/>
      <c r="GM12" s="8"/>
      <c r="GN12" s="8"/>
      <c r="GO12" s="8" t="s">
        <v>109</v>
      </c>
      <c r="GP12" s="8" t="s">
        <v>109</v>
      </c>
      <c r="GQ12" s="8" t="s">
        <v>102</v>
      </c>
      <c r="GR12" s="8" t="s">
        <v>102</v>
      </c>
      <c r="GS12" s="5"/>
      <c r="GT12" s="5"/>
      <c r="GU12" s="5"/>
    </row>
    <row r="13" spans="2:203" s="6" customFormat="1" ht="28.2" customHeight="1" x14ac:dyDescent="0.2">
      <c r="B13" s="32"/>
      <c r="C13" s="8" t="s">
        <v>105</v>
      </c>
      <c r="D13" s="8" t="s">
        <v>102</v>
      </c>
      <c r="E13" s="8" t="s">
        <v>102</v>
      </c>
      <c r="F13" s="8" t="s">
        <v>102</v>
      </c>
      <c r="G13" s="8" t="s">
        <v>102</v>
      </c>
      <c r="H13" s="8" t="s">
        <v>102</v>
      </c>
      <c r="I13" s="8" t="s">
        <v>109</v>
      </c>
      <c r="J13" s="8" t="s">
        <v>109</v>
      </c>
      <c r="K13" s="8" t="s">
        <v>109</v>
      </c>
      <c r="L13" s="8" t="s">
        <v>109</v>
      </c>
      <c r="M13" s="8" t="s">
        <v>109</v>
      </c>
      <c r="N13" s="8" t="s">
        <v>109</v>
      </c>
      <c r="O13" s="8" t="s">
        <v>109</v>
      </c>
      <c r="P13" s="8" t="s">
        <v>109</v>
      </c>
      <c r="Q13" s="8" t="s">
        <v>102</v>
      </c>
      <c r="R13" s="8" t="s">
        <v>102</v>
      </c>
      <c r="S13" s="8" t="s">
        <v>109</v>
      </c>
      <c r="T13" s="8" t="s">
        <v>102</v>
      </c>
      <c r="U13" s="8" t="s">
        <v>102</v>
      </c>
      <c r="V13" s="8" t="s">
        <v>102</v>
      </c>
      <c r="W13" s="8" t="s">
        <v>102</v>
      </c>
      <c r="X13" s="8" t="s">
        <v>109</v>
      </c>
      <c r="Y13" s="8" t="s">
        <v>102</v>
      </c>
      <c r="Z13" s="8" t="s">
        <v>102</v>
      </c>
      <c r="AA13" s="8" t="s">
        <v>102</v>
      </c>
      <c r="AB13" s="8" t="s">
        <v>102</v>
      </c>
      <c r="AC13" s="8" t="s">
        <v>109</v>
      </c>
      <c r="AD13" s="8" t="s">
        <v>102</v>
      </c>
      <c r="AE13" s="8" t="s">
        <v>102</v>
      </c>
      <c r="AF13" s="8" t="s">
        <v>102</v>
      </c>
      <c r="AG13" s="8" t="s">
        <v>102</v>
      </c>
      <c r="AH13" s="8" t="s">
        <v>109</v>
      </c>
      <c r="AI13" s="8" t="s">
        <v>102</v>
      </c>
      <c r="AJ13" s="8" t="s">
        <v>102</v>
      </c>
      <c r="AK13" s="8" t="s">
        <v>102</v>
      </c>
      <c r="AL13" s="8" t="s">
        <v>102</v>
      </c>
      <c r="AM13" s="8" t="s">
        <v>102</v>
      </c>
      <c r="AN13" s="8" t="s">
        <v>102</v>
      </c>
      <c r="AO13" s="8" t="s">
        <v>102</v>
      </c>
      <c r="AP13" s="8" t="s">
        <v>102</v>
      </c>
      <c r="AQ13" s="8" t="s">
        <v>102</v>
      </c>
      <c r="AR13" s="8" t="s">
        <v>102</v>
      </c>
      <c r="AS13" s="8" t="s">
        <v>102</v>
      </c>
      <c r="AT13" s="8" t="s">
        <v>102</v>
      </c>
      <c r="AU13" s="8" t="s">
        <v>102</v>
      </c>
      <c r="AV13" s="8" t="s">
        <v>102</v>
      </c>
      <c r="AW13" s="8" t="s">
        <v>102</v>
      </c>
      <c r="AX13" s="8" t="s">
        <v>102</v>
      </c>
      <c r="AY13" s="8" t="s">
        <v>109</v>
      </c>
      <c r="AZ13" s="8" t="s">
        <v>109</v>
      </c>
      <c r="BA13" s="8" t="s">
        <v>102</v>
      </c>
      <c r="BB13" s="8" t="s">
        <v>102</v>
      </c>
      <c r="BC13" s="8" t="s">
        <v>102</v>
      </c>
      <c r="BD13" s="8" t="s">
        <v>102</v>
      </c>
      <c r="BE13" s="8" t="s">
        <v>109</v>
      </c>
      <c r="BF13" s="8" t="s">
        <v>109</v>
      </c>
      <c r="BG13" s="8" t="s">
        <v>109</v>
      </c>
      <c r="BH13" s="8" t="s">
        <v>102</v>
      </c>
      <c r="BI13" s="8" t="s">
        <v>102</v>
      </c>
      <c r="BJ13" s="8" t="s">
        <v>109</v>
      </c>
      <c r="BK13" s="8" t="s">
        <v>109</v>
      </c>
      <c r="BL13" s="8" t="s">
        <v>109</v>
      </c>
      <c r="BM13" s="8" t="s">
        <v>102</v>
      </c>
      <c r="BN13" s="8" t="s">
        <v>102</v>
      </c>
      <c r="BO13" s="8" t="s">
        <v>102</v>
      </c>
      <c r="BP13" s="8" t="s">
        <v>102</v>
      </c>
      <c r="BQ13" s="8" t="s">
        <v>102</v>
      </c>
      <c r="BR13" s="8" t="s">
        <v>102</v>
      </c>
      <c r="BS13" s="8" t="s">
        <v>102</v>
      </c>
      <c r="BT13" s="8" t="s">
        <v>102</v>
      </c>
      <c r="BU13" s="5"/>
      <c r="BV13" s="5"/>
      <c r="BW13" s="8" t="s">
        <v>109</v>
      </c>
      <c r="BX13" s="8" t="s">
        <v>109</v>
      </c>
      <c r="BY13" s="8" t="s">
        <v>109</v>
      </c>
      <c r="BZ13" s="8" t="s">
        <v>102</v>
      </c>
      <c r="CA13" s="8" t="s">
        <v>102</v>
      </c>
      <c r="CB13" s="8" t="s">
        <v>102</v>
      </c>
      <c r="CC13" s="8" t="s">
        <v>102</v>
      </c>
      <c r="CD13" s="8"/>
      <c r="CE13" s="8"/>
      <c r="CF13" s="8" t="s">
        <v>109</v>
      </c>
      <c r="CG13" s="8" t="s">
        <v>102</v>
      </c>
      <c r="CH13" s="8" t="s">
        <v>102</v>
      </c>
      <c r="CI13" s="8" t="s">
        <v>102</v>
      </c>
      <c r="CJ13" s="8" t="s">
        <v>102</v>
      </c>
      <c r="CK13" s="8"/>
      <c r="CL13" s="8"/>
      <c r="CM13" s="8"/>
      <c r="CN13" s="8" t="s">
        <v>109</v>
      </c>
      <c r="CO13" s="8" t="s">
        <v>102</v>
      </c>
      <c r="CP13" s="8" t="s">
        <v>102</v>
      </c>
      <c r="CQ13" s="8" t="s">
        <v>102</v>
      </c>
      <c r="CR13" s="8" t="s">
        <v>102</v>
      </c>
      <c r="CS13" s="4"/>
      <c r="CT13" s="4"/>
      <c r="CU13" s="8" t="s">
        <v>109</v>
      </c>
      <c r="CV13" s="8" t="s">
        <v>102</v>
      </c>
      <c r="CW13" s="8" t="s">
        <v>102</v>
      </c>
      <c r="CX13" s="8" t="s">
        <v>102</v>
      </c>
      <c r="CY13" s="8" t="s">
        <v>102</v>
      </c>
      <c r="CZ13" s="4"/>
      <c r="DA13" s="4"/>
      <c r="DB13" s="8" t="s">
        <v>109</v>
      </c>
      <c r="DC13" s="8" t="s">
        <v>102</v>
      </c>
      <c r="DD13" s="8" t="s">
        <v>102</v>
      </c>
      <c r="DE13" s="8" t="s">
        <v>102</v>
      </c>
      <c r="DF13" s="8" t="s">
        <v>102</v>
      </c>
      <c r="DG13" s="4"/>
      <c r="DH13" s="4"/>
      <c r="DI13" s="8" t="s">
        <v>109</v>
      </c>
      <c r="DJ13" s="8" t="s">
        <v>102</v>
      </c>
      <c r="DK13" s="8" t="s">
        <v>102</v>
      </c>
      <c r="DL13" s="8" t="s">
        <v>102</v>
      </c>
      <c r="DM13" s="8" t="s">
        <v>102</v>
      </c>
      <c r="DN13" s="4"/>
      <c r="DO13" s="4"/>
      <c r="DP13" s="8" t="s">
        <v>109</v>
      </c>
      <c r="DQ13" s="8" t="s">
        <v>102</v>
      </c>
      <c r="DR13" s="8" t="s">
        <v>102</v>
      </c>
      <c r="DS13" s="8" t="s">
        <v>102</v>
      </c>
      <c r="DT13" s="4"/>
      <c r="DU13" s="8" t="s">
        <v>109</v>
      </c>
      <c r="DV13" s="2" t="s">
        <v>102</v>
      </c>
      <c r="DW13" s="2" t="s">
        <v>102</v>
      </c>
      <c r="DX13" s="4"/>
      <c r="DY13" s="8" t="s">
        <v>109</v>
      </c>
      <c r="DZ13" s="8" t="s">
        <v>109</v>
      </c>
      <c r="EA13" s="3"/>
      <c r="EB13" s="3"/>
      <c r="EC13" s="8" t="s">
        <v>109</v>
      </c>
      <c r="ED13" s="8" t="s">
        <v>109</v>
      </c>
      <c r="EE13" s="4"/>
      <c r="EF13" s="4"/>
      <c r="EG13" s="4"/>
      <c r="EH13" s="8" t="s">
        <v>109</v>
      </c>
      <c r="EI13" s="8" t="s">
        <v>102</v>
      </c>
      <c r="EJ13" s="8" t="s">
        <v>102</v>
      </c>
      <c r="EK13" s="4"/>
      <c r="EL13" s="4"/>
      <c r="EM13" s="4"/>
      <c r="EN13" s="8" t="s">
        <v>109</v>
      </c>
      <c r="EO13" s="8" t="s">
        <v>102</v>
      </c>
      <c r="EP13" s="8" t="s">
        <v>102</v>
      </c>
      <c r="EQ13" s="8" t="s">
        <v>109</v>
      </c>
      <c r="ER13" s="8" t="s">
        <v>109</v>
      </c>
      <c r="ES13" s="8" t="s">
        <v>109</v>
      </c>
      <c r="ET13" s="8" t="s">
        <v>102</v>
      </c>
      <c r="EU13" s="8" t="s">
        <v>102</v>
      </c>
      <c r="EV13" s="8" t="s">
        <v>102</v>
      </c>
      <c r="EW13" s="8" t="s">
        <v>102</v>
      </c>
      <c r="EX13" s="8" t="s">
        <v>102</v>
      </c>
      <c r="EY13" s="8" t="s">
        <v>102</v>
      </c>
      <c r="EZ13" s="8" t="s">
        <v>102</v>
      </c>
      <c r="FA13" s="8" t="s">
        <v>102</v>
      </c>
      <c r="FB13" s="4"/>
      <c r="FC13" s="4"/>
      <c r="FD13" s="8" t="s">
        <v>109</v>
      </c>
      <c r="FE13" s="8" t="s">
        <v>102</v>
      </c>
      <c r="FF13" s="8" t="s">
        <v>102</v>
      </c>
      <c r="FG13" s="4"/>
      <c r="FH13" s="4"/>
      <c r="FI13" s="8" t="s">
        <v>102</v>
      </c>
      <c r="FJ13" s="8" t="s">
        <v>102</v>
      </c>
      <c r="FK13" s="8" t="s">
        <v>102</v>
      </c>
      <c r="FL13" s="8" t="s">
        <v>102</v>
      </c>
      <c r="FM13" s="4"/>
      <c r="FN13" s="4"/>
      <c r="FO13" s="8" t="s">
        <v>102</v>
      </c>
      <c r="FP13" s="8" t="s">
        <v>102</v>
      </c>
      <c r="FQ13" s="8" t="s">
        <v>102</v>
      </c>
      <c r="FR13" s="8" t="s">
        <v>102</v>
      </c>
      <c r="FS13" s="4"/>
      <c r="FT13" s="4"/>
      <c r="FU13" s="8" t="s">
        <v>102</v>
      </c>
      <c r="FV13" s="8" t="s">
        <v>102</v>
      </c>
      <c r="FW13" s="8" t="s">
        <v>102</v>
      </c>
      <c r="FX13" s="8" t="s">
        <v>102</v>
      </c>
      <c r="FY13" s="4"/>
      <c r="FZ13" s="4"/>
      <c r="GA13" s="8" t="s">
        <v>109</v>
      </c>
      <c r="GB13" s="8" t="s">
        <v>109</v>
      </c>
      <c r="GC13" s="8" t="s">
        <v>109</v>
      </c>
      <c r="GD13" s="8" t="s">
        <v>109</v>
      </c>
      <c r="GE13" s="8" t="s">
        <v>109</v>
      </c>
      <c r="GF13" s="4"/>
      <c r="GG13" s="4"/>
      <c r="GH13" s="8" t="s">
        <v>109</v>
      </c>
      <c r="GI13" s="8" t="s">
        <v>102</v>
      </c>
      <c r="GJ13" s="8" t="s">
        <v>102</v>
      </c>
      <c r="GK13" s="3"/>
      <c r="GL13" s="3"/>
      <c r="GM13" s="8" t="s">
        <v>109</v>
      </c>
      <c r="GN13" s="8" t="s">
        <v>109</v>
      </c>
      <c r="GO13" s="8" t="s">
        <v>102</v>
      </c>
      <c r="GP13" s="8" t="s">
        <v>102</v>
      </c>
      <c r="GQ13" s="8" t="s">
        <v>102</v>
      </c>
      <c r="GR13" s="8" t="s">
        <v>102</v>
      </c>
      <c r="GS13" s="5"/>
      <c r="GT13" s="5"/>
      <c r="GU13" s="5"/>
    </row>
    <row r="14" spans="2:203" s="10" customFormat="1" ht="28.8" x14ac:dyDescent="0.2">
      <c r="B14" s="22" t="s">
        <v>100</v>
      </c>
      <c r="C14" s="9" t="s">
        <v>101</v>
      </c>
      <c r="D14" s="2" t="s">
        <v>102</v>
      </c>
      <c r="E14" s="2" t="s">
        <v>102</v>
      </c>
      <c r="F14" s="2" t="s">
        <v>102</v>
      </c>
      <c r="G14" s="2" t="s">
        <v>102</v>
      </c>
      <c r="H14" s="2" t="s">
        <v>102</v>
      </c>
      <c r="I14" s="2" t="s">
        <v>103</v>
      </c>
      <c r="J14" s="2" t="s">
        <v>103</v>
      </c>
      <c r="K14" s="2" t="s">
        <v>103</v>
      </c>
      <c r="L14" s="2" t="s">
        <v>103</v>
      </c>
      <c r="M14" s="2" t="s">
        <v>103</v>
      </c>
      <c r="N14" s="3"/>
      <c r="O14" s="3"/>
      <c r="P14" s="3"/>
      <c r="Q14" s="2" t="s">
        <v>102</v>
      </c>
      <c r="R14" s="2" t="s">
        <v>102</v>
      </c>
      <c r="S14" s="2" t="s">
        <v>102</v>
      </c>
      <c r="T14" s="2" t="s">
        <v>102</v>
      </c>
      <c r="U14" s="2" t="s">
        <v>102</v>
      </c>
      <c r="V14" s="2" t="s">
        <v>102</v>
      </c>
      <c r="W14" s="2" t="s">
        <v>102</v>
      </c>
      <c r="X14" s="2" t="s">
        <v>102</v>
      </c>
      <c r="Y14" s="2" t="s">
        <v>102</v>
      </c>
      <c r="Z14" s="2" t="s">
        <v>102</v>
      </c>
      <c r="AA14" s="2" t="s">
        <v>102</v>
      </c>
      <c r="AB14" s="2" t="s">
        <v>102</v>
      </c>
      <c r="AC14" s="2" t="s">
        <v>102</v>
      </c>
      <c r="AD14" s="2" t="s">
        <v>102</v>
      </c>
      <c r="AE14" s="2" t="s">
        <v>102</v>
      </c>
      <c r="AF14" s="2" t="s">
        <v>102</v>
      </c>
      <c r="AG14" s="2" t="s">
        <v>102</v>
      </c>
      <c r="AH14" s="3"/>
      <c r="AI14" s="3"/>
      <c r="AJ14" s="3"/>
      <c r="AK14" s="2" t="s">
        <v>102</v>
      </c>
      <c r="AL14" s="2" t="s">
        <v>102</v>
      </c>
      <c r="AM14" s="2" t="s">
        <v>103</v>
      </c>
      <c r="AN14" s="2" t="s">
        <v>103</v>
      </c>
      <c r="AO14" s="2" t="s">
        <v>103</v>
      </c>
      <c r="AP14" s="2" t="s">
        <v>103</v>
      </c>
      <c r="AQ14" s="2" t="s">
        <v>103</v>
      </c>
      <c r="AR14" s="2" t="s">
        <v>103</v>
      </c>
      <c r="AS14" s="2" t="s">
        <v>103</v>
      </c>
      <c r="AT14" s="2" t="s">
        <v>103</v>
      </c>
      <c r="AU14" s="2" t="s">
        <v>103</v>
      </c>
      <c r="AV14" s="2" t="s">
        <v>103</v>
      </c>
      <c r="AW14" s="2" t="s">
        <v>103</v>
      </c>
      <c r="AX14" s="2" t="s">
        <v>103</v>
      </c>
      <c r="AY14" s="24" t="s">
        <v>104</v>
      </c>
      <c r="AZ14" s="2" t="s">
        <v>103</v>
      </c>
      <c r="BA14" s="2" t="s">
        <v>103</v>
      </c>
      <c r="BB14" s="2" t="s">
        <v>103</v>
      </c>
      <c r="BC14" s="2" t="s">
        <v>103</v>
      </c>
      <c r="BD14" s="2" t="s">
        <v>103</v>
      </c>
      <c r="BE14" s="2" t="s">
        <v>102</v>
      </c>
      <c r="BF14" s="2" t="s">
        <v>102</v>
      </c>
      <c r="BG14" s="2" t="s">
        <v>102</v>
      </c>
      <c r="BH14" s="2" t="s">
        <v>102</v>
      </c>
      <c r="BI14" s="2" t="s">
        <v>102</v>
      </c>
      <c r="BJ14" s="2" t="s">
        <v>102</v>
      </c>
      <c r="BK14" s="2" t="s">
        <v>102</v>
      </c>
      <c r="BL14" s="2" t="s">
        <v>102</v>
      </c>
      <c r="BM14" s="2" t="s">
        <v>102</v>
      </c>
      <c r="BN14" s="2" t="s">
        <v>102</v>
      </c>
      <c r="BO14" s="24" t="s">
        <v>104</v>
      </c>
      <c r="BP14" s="2" t="s">
        <v>103</v>
      </c>
      <c r="BQ14" s="2" t="s">
        <v>103</v>
      </c>
      <c r="BR14" s="2" t="s">
        <v>103</v>
      </c>
      <c r="BS14" s="2" t="s">
        <v>103</v>
      </c>
      <c r="BT14" s="2" t="s">
        <v>103</v>
      </c>
      <c r="BU14" s="5"/>
      <c r="BV14" s="5"/>
      <c r="BW14" s="26" t="s">
        <v>104</v>
      </c>
      <c r="BX14" s="27"/>
      <c r="BY14" s="2" t="s">
        <v>102</v>
      </c>
      <c r="BZ14" s="2" t="s">
        <v>102</v>
      </c>
      <c r="CA14" s="2" t="s">
        <v>102</v>
      </c>
      <c r="CB14" s="2" t="s">
        <v>102</v>
      </c>
      <c r="CC14" s="2" t="s">
        <v>102</v>
      </c>
      <c r="CD14" s="26" t="s">
        <v>104</v>
      </c>
      <c r="CE14" s="27"/>
      <c r="CF14" s="2" t="s">
        <v>103</v>
      </c>
      <c r="CG14" s="2" t="s">
        <v>103</v>
      </c>
      <c r="CH14" s="2" t="s">
        <v>103</v>
      </c>
      <c r="CI14" s="2" t="s">
        <v>103</v>
      </c>
      <c r="CJ14" s="2" t="s">
        <v>103</v>
      </c>
      <c r="CK14" s="26" t="s">
        <v>104</v>
      </c>
      <c r="CL14" s="30"/>
      <c r="CM14" s="27"/>
      <c r="CN14" s="2" t="s">
        <v>102</v>
      </c>
      <c r="CO14" s="2" t="s">
        <v>102</v>
      </c>
      <c r="CP14" s="2" t="s">
        <v>102</v>
      </c>
      <c r="CQ14" s="2" t="s">
        <v>102</v>
      </c>
      <c r="CR14" s="2" t="s">
        <v>102</v>
      </c>
      <c r="CS14" s="26" t="s">
        <v>104</v>
      </c>
      <c r="CT14" s="27"/>
      <c r="CU14" s="2" t="s">
        <v>102</v>
      </c>
      <c r="CV14" s="2" t="s">
        <v>102</v>
      </c>
      <c r="CW14" s="2" t="s">
        <v>102</v>
      </c>
      <c r="CX14" s="2" t="s">
        <v>102</v>
      </c>
      <c r="CY14" s="2" t="s">
        <v>102</v>
      </c>
      <c r="CZ14" s="26" t="s">
        <v>104</v>
      </c>
      <c r="DA14" s="27"/>
      <c r="DB14" s="2" t="s">
        <v>102</v>
      </c>
      <c r="DC14" s="2" t="s">
        <v>102</v>
      </c>
      <c r="DD14" s="2" t="s">
        <v>102</v>
      </c>
      <c r="DE14" s="2" t="s">
        <v>102</v>
      </c>
      <c r="DF14" s="2" t="s">
        <v>102</v>
      </c>
      <c r="DG14" s="26" t="s">
        <v>104</v>
      </c>
      <c r="DH14" s="27"/>
      <c r="DI14" s="2" t="s">
        <v>102</v>
      </c>
      <c r="DJ14" s="2" t="s">
        <v>102</v>
      </c>
      <c r="DK14" s="2" t="s">
        <v>102</v>
      </c>
      <c r="DL14" s="2" t="s">
        <v>102</v>
      </c>
      <c r="DM14" s="2" t="s">
        <v>102</v>
      </c>
      <c r="DN14" s="4"/>
      <c r="DO14" s="4"/>
      <c r="DP14" s="2" t="s">
        <v>102</v>
      </c>
      <c r="DQ14" s="2" t="s">
        <v>102</v>
      </c>
      <c r="DR14" s="2" t="s">
        <v>102</v>
      </c>
      <c r="DS14" s="2" t="s">
        <v>102</v>
      </c>
      <c r="DT14" s="4"/>
      <c r="DU14" s="2" t="s">
        <v>102</v>
      </c>
      <c r="DV14" s="2" t="s">
        <v>102</v>
      </c>
      <c r="DW14" s="2" t="s">
        <v>102</v>
      </c>
      <c r="DX14" s="4"/>
      <c r="DY14" s="3"/>
      <c r="DZ14" s="2" t="s">
        <v>102</v>
      </c>
      <c r="EA14" s="3"/>
      <c r="EB14" s="3"/>
      <c r="EC14" s="3"/>
      <c r="ED14" s="2" t="s">
        <v>102</v>
      </c>
      <c r="EE14" s="3"/>
      <c r="EF14" s="3"/>
      <c r="EG14" s="3"/>
      <c r="EH14" s="3"/>
      <c r="EI14" s="2" t="s">
        <v>102</v>
      </c>
      <c r="EJ14" s="2" t="s">
        <v>102</v>
      </c>
      <c r="EK14" s="3"/>
      <c r="EL14" s="3"/>
      <c r="EM14" s="3"/>
      <c r="EN14" s="3"/>
      <c r="EO14" s="2" t="s">
        <v>102</v>
      </c>
      <c r="EP14" s="2" t="s">
        <v>102</v>
      </c>
      <c r="EQ14" s="3"/>
      <c r="ER14" s="3"/>
      <c r="ES14" s="3"/>
      <c r="ET14" s="3"/>
      <c r="EU14" s="3"/>
      <c r="EV14" s="2" t="s">
        <v>102</v>
      </c>
      <c r="EW14" s="2" t="s">
        <v>102</v>
      </c>
      <c r="EX14" s="3"/>
      <c r="EY14" s="3"/>
      <c r="EZ14" s="3"/>
      <c r="FA14" s="2" t="s">
        <v>102</v>
      </c>
      <c r="FB14" s="3"/>
      <c r="FC14" s="3"/>
      <c r="FD14" s="3"/>
      <c r="FE14" s="2" t="s">
        <v>102</v>
      </c>
      <c r="FF14" s="2" t="s">
        <v>102</v>
      </c>
      <c r="FG14" s="3"/>
      <c r="FH14" s="3"/>
      <c r="FI14" s="3"/>
      <c r="FJ14" s="3"/>
      <c r="FK14" s="2" t="s">
        <v>102</v>
      </c>
      <c r="FL14" s="2" t="s">
        <v>102</v>
      </c>
      <c r="FM14" s="3"/>
      <c r="FN14" s="3"/>
      <c r="FO14" s="3"/>
      <c r="FP14" s="3"/>
      <c r="FQ14" s="2" t="s">
        <v>102</v>
      </c>
      <c r="FR14" s="2" t="s">
        <v>102</v>
      </c>
      <c r="FS14" s="3"/>
      <c r="FT14" s="3"/>
      <c r="FU14" s="3"/>
      <c r="FV14" s="3"/>
      <c r="FW14" s="2" t="s">
        <v>102</v>
      </c>
      <c r="FX14" s="2" t="s">
        <v>102</v>
      </c>
      <c r="FY14" s="4"/>
      <c r="FZ14" s="4"/>
      <c r="GA14" s="3"/>
      <c r="GB14" s="3"/>
      <c r="GC14" s="3"/>
      <c r="GD14" s="2" t="s">
        <v>102</v>
      </c>
      <c r="GE14" s="2" t="s">
        <v>102</v>
      </c>
      <c r="GF14" s="3"/>
      <c r="GG14" s="3"/>
      <c r="GH14" s="3"/>
      <c r="GI14" s="2" t="s">
        <v>102</v>
      </c>
      <c r="GJ14" s="2" t="s">
        <v>102</v>
      </c>
      <c r="GK14" s="3"/>
      <c r="GL14" s="3"/>
      <c r="GM14" s="3"/>
      <c r="GN14" s="2" t="s">
        <v>102</v>
      </c>
      <c r="GO14" s="2" t="s">
        <v>102</v>
      </c>
      <c r="GP14" s="2" t="s">
        <v>102</v>
      </c>
      <c r="GQ14" s="2" t="s">
        <v>102</v>
      </c>
      <c r="GR14" s="2" t="s">
        <v>102</v>
      </c>
      <c r="GS14" s="3"/>
      <c r="GT14" s="3"/>
      <c r="GU14" s="2" t="s">
        <v>102</v>
      </c>
    </row>
    <row r="15" spans="2:203" s="10" customFormat="1" ht="28.8" x14ac:dyDescent="0.2">
      <c r="B15" s="23"/>
      <c r="C15" s="2" t="s">
        <v>105</v>
      </c>
      <c r="D15" s="2" t="s">
        <v>102</v>
      </c>
      <c r="E15" s="2" t="s">
        <v>102</v>
      </c>
      <c r="F15" s="2" t="s">
        <v>102</v>
      </c>
      <c r="G15" s="2" t="s">
        <v>102</v>
      </c>
      <c r="H15" s="2" t="s">
        <v>102</v>
      </c>
      <c r="I15" s="2" t="s">
        <v>103</v>
      </c>
      <c r="J15" s="2" t="s">
        <v>103</v>
      </c>
      <c r="K15" s="2" t="s">
        <v>103</v>
      </c>
      <c r="L15" s="2" t="s">
        <v>103</v>
      </c>
      <c r="M15" s="2" t="s">
        <v>103</v>
      </c>
      <c r="N15" s="3"/>
      <c r="O15" s="3"/>
      <c r="P15" s="3"/>
      <c r="Q15" s="2" t="s">
        <v>102</v>
      </c>
      <c r="R15" s="2" t="s">
        <v>102</v>
      </c>
      <c r="S15" s="2" t="s">
        <v>102</v>
      </c>
      <c r="T15" s="2" t="s">
        <v>102</v>
      </c>
      <c r="U15" s="2" t="s">
        <v>102</v>
      </c>
      <c r="V15" s="2" t="s">
        <v>102</v>
      </c>
      <c r="W15" s="2" t="s">
        <v>102</v>
      </c>
      <c r="X15" s="2" t="s">
        <v>102</v>
      </c>
      <c r="Y15" s="2" t="s">
        <v>102</v>
      </c>
      <c r="Z15" s="2" t="s">
        <v>102</v>
      </c>
      <c r="AA15" s="2" t="s">
        <v>102</v>
      </c>
      <c r="AB15" s="2" t="s">
        <v>102</v>
      </c>
      <c r="AC15" s="2" t="s">
        <v>102</v>
      </c>
      <c r="AD15" s="2" t="s">
        <v>102</v>
      </c>
      <c r="AE15" s="2" t="s">
        <v>102</v>
      </c>
      <c r="AF15" s="2" t="s">
        <v>102</v>
      </c>
      <c r="AG15" s="2" t="s">
        <v>102</v>
      </c>
      <c r="AH15" s="3"/>
      <c r="AI15" s="3"/>
      <c r="AJ15" s="3"/>
      <c r="AK15" s="2" t="s">
        <v>102</v>
      </c>
      <c r="AL15" s="2" t="s">
        <v>102</v>
      </c>
      <c r="AM15" s="2" t="s">
        <v>103</v>
      </c>
      <c r="AN15" s="2" t="s">
        <v>103</v>
      </c>
      <c r="AO15" s="2" t="s">
        <v>103</v>
      </c>
      <c r="AP15" s="2" t="s">
        <v>103</v>
      </c>
      <c r="AQ15" s="2" t="s">
        <v>103</v>
      </c>
      <c r="AR15" s="2" t="s">
        <v>103</v>
      </c>
      <c r="AS15" s="2" t="s">
        <v>103</v>
      </c>
      <c r="AT15" s="2" t="s">
        <v>103</v>
      </c>
      <c r="AU15" s="2" t="s">
        <v>103</v>
      </c>
      <c r="AV15" s="2" t="s">
        <v>103</v>
      </c>
      <c r="AW15" s="2" t="s">
        <v>103</v>
      </c>
      <c r="AX15" s="2" t="s">
        <v>103</v>
      </c>
      <c r="AY15" s="25"/>
      <c r="AZ15" s="2" t="s">
        <v>103</v>
      </c>
      <c r="BA15" s="2" t="s">
        <v>103</v>
      </c>
      <c r="BB15" s="2" t="s">
        <v>103</v>
      </c>
      <c r="BC15" s="2" t="s">
        <v>103</v>
      </c>
      <c r="BD15" s="2" t="s">
        <v>103</v>
      </c>
      <c r="BE15" s="2" t="s">
        <v>102</v>
      </c>
      <c r="BF15" s="2" t="s">
        <v>102</v>
      </c>
      <c r="BG15" s="2" t="s">
        <v>102</v>
      </c>
      <c r="BH15" s="2" t="s">
        <v>102</v>
      </c>
      <c r="BI15" s="2" t="s">
        <v>102</v>
      </c>
      <c r="BJ15" s="2" t="s">
        <v>102</v>
      </c>
      <c r="BK15" s="2" t="s">
        <v>102</v>
      </c>
      <c r="BL15" s="2" t="s">
        <v>102</v>
      </c>
      <c r="BM15" s="2" t="s">
        <v>102</v>
      </c>
      <c r="BN15" s="2" t="s">
        <v>102</v>
      </c>
      <c r="BO15" s="25"/>
      <c r="BP15" s="2" t="s">
        <v>103</v>
      </c>
      <c r="BQ15" s="2" t="s">
        <v>103</v>
      </c>
      <c r="BR15" s="2" t="s">
        <v>103</v>
      </c>
      <c r="BS15" s="2" t="s">
        <v>103</v>
      </c>
      <c r="BT15" s="2" t="s">
        <v>103</v>
      </c>
      <c r="BU15" s="5"/>
      <c r="BV15" s="5"/>
      <c r="BW15" s="28"/>
      <c r="BX15" s="29"/>
      <c r="BY15" s="2" t="s">
        <v>102</v>
      </c>
      <c r="BZ15" s="2" t="s">
        <v>102</v>
      </c>
      <c r="CA15" s="2" t="s">
        <v>102</v>
      </c>
      <c r="CB15" s="2" t="s">
        <v>102</v>
      </c>
      <c r="CC15" s="2" t="s">
        <v>102</v>
      </c>
      <c r="CD15" s="28"/>
      <c r="CE15" s="29"/>
      <c r="CF15" s="2" t="s">
        <v>103</v>
      </c>
      <c r="CG15" s="2" t="s">
        <v>103</v>
      </c>
      <c r="CH15" s="2" t="s">
        <v>103</v>
      </c>
      <c r="CI15" s="2" t="s">
        <v>103</v>
      </c>
      <c r="CJ15" s="2" t="s">
        <v>103</v>
      </c>
      <c r="CK15" s="28"/>
      <c r="CL15" s="31"/>
      <c r="CM15" s="29"/>
      <c r="CN15" s="2" t="s">
        <v>102</v>
      </c>
      <c r="CO15" s="2" t="s">
        <v>102</v>
      </c>
      <c r="CP15" s="2" t="s">
        <v>102</v>
      </c>
      <c r="CQ15" s="2" t="s">
        <v>102</v>
      </c>
      <c r="CR15" s="2" t="s">
        <v>102</v>
      </c>
      <c r="CS15" s="28"/>
      <c r="CT15" s="29"/>
      <c r="CU15" s="2" t="s">
        <v>102</v>
      </c>
      <c r="CV15" s="2" t="s">
        <v>102</v>
      </c>
      <c r="CW15" s="2" t="s">
        <v>102</v>
      </c>
      <c r="CX15" s="2" t="s">
        <v>102</v>
      </c>
      <c r="CY15" s="2" t="s">
        <v>102</v>
      </c>
      <c r="CZ15" s="28"/>
      <c r="DA15" s="29"/>
      <c r="DB15" s="2" t="s">
        <v>102</v>
      </c>
      <c r="DC15" s="2" t="s">
        <v>102</v>
      </c>
      <c r="DD15" s="2" t="s">
        <v>102</v>
      </c>
      <c r="DE15" s="2" t="s">
        <v>102</v>
      </c>
      <c r="DF15" s="2" t="s">
        <v>102</v>
      </c>
      <c r="DG15" s="28"/>
      <c r="DH15" s="29"/>
      <c r="DI15" s="2" t="s">
        <v>102</v>
      </c>
      <c r="DJ15" s="2" t="s">
        <v>102</v>
      </c>
      <c r="DK15" s="2" t="s">
        <v>102</v>
      </c>
      <c r="DL15" s="2" t="s">
        <v>102</v>
      </c>
      <c r="DM15" s="2" t="s">
        <v>102</v>
      </c>
      <c r="DN15" s="4"/>
      <c r="DO15" s="4"/>
      <c r="DP15" s="2" t="s">
        <v>102</v>
      </c>
      <c r="DQ15" s="2" t="s">
        <v>102</v>
      </c>
      <c r="DR15" s="2" t="s">
        <v>102</v>
      </c>
      <c r="DS15" s="2" t="s">
        <v>102</v>
      </c>
      <c r="DT15" s="4"/>
      <c r="DU15" s="2" t="s">
        <v>102</v>
      </c>
      <c r="DV15" s="2" t="s">
        <v>102</v>
      </c>
      <c r="DW15" s="2" t="s">
        <v>102</v>
      </c>
      <c r="DX15" s="4"/>
      <c r="DY15" s="3"/>
      <c r="DZ15" s="2" t="s">
        <v>102</v>
      </c>
      <c r="EA15" s="3"/>
      <c r="EB15" s="3"/>
      <c r="EC15" s="3"/>
      <c r="ED15" s="2" t="s">
        <v>102</v>
      </c>
      <c r="EE15" s="3"/>
      <c r="EF15" s="3"/>
      <c r="EG15" s="3"/>
      <c r="EH15" s="3"/>
      <c r="EI15" s="2" t="s">
        <v>102</v>
      </c>
      <c r="EJ15" s="2" t="s">
        <v>102</v>
      </c>
      <c r="EK15" s="3"/>
      <c r="EL15" s="3"/>
      <c r="EM15" s="3"/>
      <c r="EN15" s="3"/>
      <c r="EO15" s="2" t="s">
        <v>102</v>
      </c>
      <c r="EP15" s="2" t="s">
        <v>102</v>
      </c>
      <c r="EQ15" s="3"/>
      <c r="ER15" s="3"/>
      <c r="ES15" s="3"/>
      <c r="ET15" s="3"/>
      <c r="EU15" s="3"/>
      <c r="EV15" s="2" t="s">
        <v>102</v>
      </c>
      <c r="EW15" s="2" t="s">
        <v>102</v>
      </c>
      <c r="EX15" s="3"/>
      <c r="EY15" s="3"/>
      <c r="EZ15" s="3"/>
      <c r="FA15" s="2" t="s">
        <v>102</v>
      </c>
      <c r="FB15" s="3"/>
      <c r="FC15" s="3"/>
      <c r="FD15" s="3"/>
      <c r="FE15" s="2" t="s">
        <v>102</v>
      </c>
      <c r="FF15" s="2" t="s">
        <v>102</v>
      </c>
      <c r="FG15" s="3"/>
      <c r="FH15" s="3"/>
      <c r="FI15" s="3"/>
      <c r="FJ15" s="3"/>
      <c r="FK15" s="2" t="s">
        <v>102</v>
      </c>
      <c r="FL15" s="2" t="s">
        <v>102</v>
      </c>
      <c r="FM15" s="3"/>
      <c r="FN15" s="3"/>
      <c r="FO15" s="3"/>
      <c r="FP15" s="3"/>
      <c r="FQ15" s="2" t="s">
        <v>102</v>
      </c>
      <c r="FR15" s="2" t="s">
        <v>102</v>
      </c>
      <c r="FS15" s="3"/>
      <c r="FT15" s="3"/>
      <c r="FU15" s="3"/>
      <c r="FV15" s="3"/>
      <c r="FW15" s="2" t="s">
        <v>102</v>
      </c>
      <c r="FX15" s="2" t="s">
        <v>102</v>
      </c>
      <c r="FY15" s="4"/>
      <c r="FZ15" s="4"/>
      <c r="GA15" s="3"/>
      <c r="GB15" s="3"/>
      <c r="GC15" s="3"/>
      <c r="GD15" s="2" t="s">
        <v>102</v>
      </c>
      <c r="GE15" s="2" t="s">
        <v>102</v>
      </c>
      <c r="GF15" s="3"/>
      <c r="GG15" s="3"/>
      <c r="GH15" s="3"/>
      <c r="GI15" s="2" t="s">
        <v>102</v>
      </c>
      <c r="GJ15" s="2" t="s">
        <v>102</v>
      </c>
      <c r="GK15" s="3"/>
      <c r="GL15" s="3"/>
      <c r="GM15" s="3"/>
      <c r="GN15" s="2" t="s">
        <v>102</v>
      </c>
      <c r="GO15" s="2" t="s">
        <v>102</v>
      </c>
      <c r="GP15" s="2" t="s">
        <v>102</v>
      </c>
      <c r="GQ15" s="2" t="s">
        <v>102</v>
      </c>
      <c r="GR15" s="2" t="s">
        <v>102</v>
      </c>
      <c r="GS15" s="3"/>
      <c r="GT15" s="3"/>
      <c r="GU15" s="2" t="s">
        <v>102</v>
      </c>
    </row>
    <row r="16" spans="2:203" s="6" customFormat="1" ht="28.8" x14ac:dyDescent="0.2">
      <c r="B16" s="32" t="s">
        <v>111</v>
      </c>
      <c r="C16" s="11" t="s">
        <v>101</v>
      </c>
      <c r="D16" s="2"/>
      <c r="E16" s="2"/>
      <c r="F16" s="8"/>
      <c r="G16" s="8"/>
      <c r="H16" s="8" t="s">
        <v>112</v>
      </c>
      <c r="I16" s="2"/>
      <c r="J16" s="2"/>
      <c r="K16" s="8"/>
      <c r="L16" s="8"/>
      <c r="M16" s="8" t="s">
        <v>113</v>
      </c>
      <c r="N16" s="5"/>
      <c r="O16" s="5"/>
      <c r="P16" s="5"/>
      <c r="Q16" s="5"/>
      <c r="R16" s="5"/>
      <c r="S16" s="2"/>
      <c r="T16" s="2"/>
      <c r="U16" s="8"/>
      <c r="V16" s="8"/>
      <c r="W16" s="8" t="s">
        <v>113</v>
      </c>
      <c r="X16" s="2"/>
      <c r="Y16" s="2"/>
      <c r="Z16" s="8"/>
      <c r="AA16" s="8"/>
      <c r="AB16" s="8" t="s">
        <v>113</v>
      </c>
      <c r="AC16" s="2"/>
      <c r="AD16" s="2"/>
      <c r="AE16" s="2"/>
      <c r="AF16" s="8"/>
      <c r="AG16" s="8" t="s">
        <v>113</v>
      </c>
      <c r="AH16" s="2"/>
      <c r="AI16" s="2"/>
      <c r="AJ16" s="2"/>
      <c r="AK16" s="8"/>
      <c r="AL16" s="8" t="s">
        <v>113</v>
      </c>
      <c r="AM16" s="2"/>
      <c r="AN16" s="2"/>
      <c r="AO16" s="2"/>
      <c r="AP16" s="8"/>
      <c r="AQ16" s="8"/>
      <c r="AR16" s="8" t="s">
        <v>113</v>
      </c>
      <c r="AS16" s="2"/>
      <c r="AT16" s="2"/>
      <c r="AU16" s="2"/>
      <c r="AV16" s="8"/>
      <c r="AW16" s="8"/>
      <c r="AX16" s="8" t="s">
        <v>113</v>
      </c>
      <c r="AY16" s="24" t="s">
        <v>104</v>
      </c>
      <c r="AZ16" s="2"/>
      <c r="BA16" s="2"/>
      <c r="BB16" s="8"/>
      <c r="BC16" s="8"/>
      <c r="BD16" s="8" t="s">
        <v>113</v>
      </c>
      <c r="BE16" s="2"/>
      <c r="BF16" s="2"/>
      <c r="BG16" s="8"/>
      <c r="BH16" s="8"/>
      <c r="BI16" s="8" t="s">
        <v>113</v>
      </c>
      <c r="BJ16" s="2"/>
      <c r="BK16" s="2"/>
      <c r="BL16" s="8"/>
      <c r="BM16" s="8"/>
      <c r="BN16" s="8" t="s">
        <v>113</v>
      </c>
      <c r="BO16" s="2"/>
      <c r="BP16" s="2"/>
      <c r="BQ16" s="2"/>
      <c r="BR16" s="8"/>
      <c r="BS16" s="8"/>
      <c r="BT16" s="8" t="s">
        <v>113</v>
      </c>
      <c r="BU16" s="5"/>
      <c r="BV16" s="5"/>
      <c r="BW16" s="2"/>
      <c r="BX16" s="2"/>
      <c r="BY16" s="2"/>
      <c r="BZ16" s="2"/>
      <c r="CA16" s="2"/>
      <c r="CB16" s="8"/>
      <c r="CC16" s="8" t="s">
        <v>113</v>
      </c>
      <c r="CD16" s="26" t="s">
        <v>104</v>
      </c>
      <c r="CE16" s="27"/>
      <c r="CF16" s="2"/>
      <c r="CG16" s="2"/>
      <c r="CH16" s="8"/>
      <c r="CI16" s="8"/>
      <c r="CJ16" s="8" t="s">
        <v>113</v>
      </c>
      <c r="CK16" s="24" t="s">
        <v>114</v>
      </c>
      <c r="CL16" s="24" t="s">
        <v>115</v>
      </c>
      <c r="CM16" s="2"/>
      <c r="CN16" s="2"/>
      <c r="CO16" s="2"/>
      <c r="CP16" s="2"/>
      <c r="CQ16" s="8"/>
      <c r="CR16" s="8" t="s">
        <v>113</v>
      </c>
      <c r="CS16" s="3"/>
      <c r="CT16" s="24" t="s">
        <v>104</v>
      </c>
      <c r="CU16" s="2"/>
      <c r="CV16" s="2"/>
      <c r="CW16" s="2"/>
      <c r="CX16" s="8"/>
      <c r="CY16" s="8" t="s">
        <v>113</v>
      </c>
      <c r="CZ16" s="26" t="s">
        <v>104</v>
      </c>
      <c r="DA16" s="27"/>
      <c r="DB16" s="2"/>
      <c r="DC16" s="2"/>
      <c r="DD16" s="2"/>
      <c r="DE16" s="8"/>
      <c r="DF16" s="8" t="s">
        <v>113</v>
      </c>
      <c r="DG16" s="3"/>
      <c r="DH16" s="24" t="s">
        <v>104</v>
      </c>
      <c r="DI16" s="2"/>
      <c r="DJ16" s="2"/>
      <c r="DK16" s="2"/>
      <c r="DL16" s="8"/>
      <c r="DM16" s="8" t="s">
        <v>113</v>
      </c>
      <c r="DN16" s="5"/>
      <c r="DO16" s="5"/>
      <c r="DP16" s="5"/>
      <c r="DQ16" s="5"/>
      <c r="DR16" s="5"/>
      <c r="DS16" s="5"/>
      <c r="DT16" s="3"/>
      <c r="DU16" s="2"/>
      <c r="DV16" s="8"/>
      <c r="DW16" s="8" t="s">
        <v>113</v>
      </c>
      <c r="DX16" s="3"/>
      <c r="DY16" s="2"/>
      <c r="DZ16" s="8" t="s">
        <v>113</v>
      </c>
      <c r="EA16" s="3"/>
      <c r="EB16" s="2"/>
      <c r="EC16" s="2"/>
      <c r="ED16" s="8" t="s">
        <v>113</v>
      </c>
      <c r="EE16" s="3"/>
      <c r="EF16" s="3"/>
      <c r="EG16" s="2"/>
      <c r="EH16" s="2"/>
      <c r="EI16" s="8"/>
      <c r="EJ16" s="8" t="s">
        <v>113</v>
      </c>
      <c r="EK16" s="3"/>
      <c r="EL16" s="3"/>
      <c r="EM16" s="2"/>
      <c r="EN16" s="2"/>
      <c r="EO16" s="8"/>
      <c r="EP16" s="8" t="s">
        <v>113</v>
      </c>
      <c r="EQ16" s="3"/>
      <c r="ER16" s="24" t="s">
        <v>104</v>
      </c>
      <c r="ES16" s="2"/>
      <c r="ET16" s="2"/>
      <c r="EU16" s="2"/>
      <c r="EV16" s="8"/>
      <c r="EW16" s="8" t="s">
        <v>113</v>
      </c>
      <c r="EX16" s="5"/>
      <c r="EY16" s="5"/>
      <c r="EZ16" s="5"/>
      <c r="FA16" s="5"/>
      <c r="FB16" s="3"/>
      <c r="FC16" s="3"/>
      <c r="FD16" s="2"/>
      <c r="FE16" s="8"/>
      <c r="FF16" s="8" t="s">
        <v>113</v>
      </c>
      <c r="FG16" s="3"/>
      <c r="FH16" s="3"/>
      <c r="FI16" s="3"/>
      <c r="FJ16" s="2"/>
      <c r="FK16" s="8"/>
      <c r="FL16" s="8" t="s">
        <v>113</v>
      </c>
      <c r="FM16" s="2"/>
      <c r="FN16" s="2"/>
      <c r="FO16" s="2"/>
      <c r="FP16" s="2"/>
      <c r="FQ16" s="8"/>
      <c r="FR16" s="8" t="s">
        <v>113</v>
      </c>
      <c r="FS16" s="3"/>
      <c r="FT16" s="3"/>
      <c r="FU16" s="3"/>
      <c r="FV16" s="2"/>
      <c r="FW16" s="8"/>
      <c r="FX16" s="8" t="s">
        <v>113</v>
      </c>
      <c r="FY16" s="3"/>
      <c r="FZ16" s="3"/>
      <c r="GA16" s="3"/>
      <c r="GB16" s="3"/>
      <c r="GC16" s="2"/>
      <c r="GD16" s="8"/>
      <c r="GE16" s="8" t="s">
        <v>113</v>
      </c>
      <c r="GF16" s="2"/>
      <c r="GG16" s="2"/>
      <c r="GH16" s="2"/>
      <c r="GI16" s="8"/>
      <c r="GJ16" s="8" t="s">
        <v>113</v>
      </c>
      <c r="GK16" s="3"/>
      <c r="GL16" s="2"/>
      <c r="GM16" s="2"/>
      <c r="GN16" s="8" t="s">
        <v>113</v>
      </c>
      <c r="GO16" s="2"/>
      <c r="GP16" s="2"/>
      <c r="GQ16" s="8"/>
      <c r="GR16" s="8" t="s">
        <v>113</v>
      </c>
      <c r="GS16" s="3"/>
      <c r="GT16" s="2"/>
      <c r="GU16" s="8" t="s">
        <v>113</v>
      </c>
    </row>
    <row r="17" spans="2:203" s="6" customFormat="1" ht="28.8" x14ac:dyDescent="0.2">
      <c r="B17" s="32"/>
      <c r="C17" s="8" t="s">
        <v>105</v>
      </c>
      <c r="D17" s="2"/>
      <c r="E17" s="2"/>
      <c r="F17" s="8" t="s">
        <v>102</v>
      </c>
      <c r="G17" s="8" t="s">
        <v>102</v>
      </c>
      <c r="H17" s="8" t="s">
        <v>102</v>
      </c>
      <c r="I17" s="2"/>
      <c r="J17" s="2"/>
      <c r="K17" s="8" t="s">
        <v>102</v>
      </c>
      <c r="L17" s="8" t="s">
        <v>102</v>
      </c>
      <c r="M17" s="8" t="s">
        <v>102</v>
      </c>
      <c r="N17" s="5"/>
      <c r="O17" s="5"/>
      <c r="P17" s="5"/>
      <c r="Q17" s="5"/>
      <c r="R17" s="5"/>
      <c r="S17" s="2"/>
      <c r="T17" s="2"/>
      <c r="U17" s="8" t="s">
        <v>102</v>
      </c>
      <c r="V17" s="8" t="s">
        <v>102</v>
      </c>
      <c r="W17" s="8" t="s">
        <v>102</v>
      </c>
      <c r="X17" s="2"/>
      <c r="Y17" s="2"/>
      <c r="Z17" s="8" t="s">
        <v>102</v>
      </c>
      <c r="AA17" s="8" t="s">
        <v>102</v>
      </c>
      <c r="AB17" s="8" t="s">
        <v>102</v>
      </c>
      <c r="AC17" s="2"/>
      <c r="AD17" s="2"/>
      <c r="AE17" s="8" t="s">
        <v>102</v>
      </c>
      <c r="AF17" s="8" t="s">
        <v>102</v>
      </c>
      <c r="AG17" s="8" t="s">
        <v>102</v>
      </c>
      <c r="AH17" s="2"/>
      <c r="AI17" s="2"/>
      <c r="AJ17" s="8" t="s">
        <v>102</v>
      </c>
      <c r="AK17" s="8" t="s">
        <v>102</v>
      </c>
      <c r="AL17" s="8" t="s">
        <v>102</v>
      </c>
      <c r="AM17" s="2"/>
      <c r="AN17" s="2"/>
      <c r="AO17" s="2"/>
      <c r="AP17" s="8" t="s">
        <v>102</v>
      </c>
      <c r="AQ17" s="8" t="s">
        <v>102</v>
      </c>
      <c r="AR17" s="8" t="s">
        <v>102</v>
      </c>
      <c r="AS17" s="2"/>
      <c r="AT17" s="2"/>
      <c r="AU17" s="2"/>
      <c r="AV17" s="8" t="s">
        <v>102</v>
      </c>
      <c r="AW17" s="8" t="s">
        <v>102</v>
      </c>
      <c r="AX17" s="8" t="s">
        <v>102</v>
      </c>
      <c r="AY17" s="25"/>
      <c r="AZ17" s="2"/>
      <c r="BA17" s="2"/>
      <c r="BB17" s="8" t="s">
        <v>102</v>
      </c>
      <c r="BC17" s="8" t="s">
        <v>102</v>
      </c>
      <c r="BD17" s="8" t="s">
        <v>102</v>
      </c>
      <c r="BE17" s="2"/>
      <c r="BF17" s="2"/>
      <c r="BG17" s="8" t="s">
        <v>102</v>
      </c>
      <c r="BH17" s="8" t="s">
        <v>102</v>
      </c>
      <c r="BI17" s="8" t="s">
        <v>102</v>
      </c>
      <c r="BJ17" s="2"/>
      <c r="BK17" s="2"/>
      <c r="BL17" s="8" t="s">
        <v>102</v>
      </c>
      <c r="BM17" s="8" t="s">
        <v>102</v>
      </c>
      <c r="BN17" s="8" t="s">
        <v>102</v>
      </c>
      <c r="BO17" s="2"/>
      <c r="BP17" s="2"/>
      <c r="BQ17" s="2"/>
      <c r="BR17" s="8" t="s">
        <v>102</v>
      </c>
      <c r="BS17" s="8" t="s">
        <v>102</v>
      </c>
      <c r="BT17" s="8" t="s">
        <v>102</v>
      </c>
      <c r="BU17" s="5"/>
      <c r="BV17" s="5"/>
      <c r="BW17" s="2"/>
      <c r="BX17" s="2"/>
      <c r="BY17" s="2"/>
      <c r="BZ17" s="2"/>
      <c r="CA17" s="8" t="s">
        <v>102</v>
      </c>
      <c r="CB17" s="8" t="s">
        <v>102</v>
      </c>
      <c r="CC17" s="8" t="s">
        <v>102</v>
      </c>
      <c r="CD17" s="28"/>
      <c r="CE17" s="29"/>
      <c r="CF17" s="2"/>
      <c r="CG17" s="2"/>
      <c r="CH17" s="8" t="s">
        <v>102</v>
      </c>
      <c r="CI17" s="8" t="s">
        <v>102</v>
      </c>
      <c r="CJ17" s="8" t="s">
        <v>102</v>
      </c>
      <c r="CK17" s="25"/>
      <c r="CL17" s="25"/>
      <c r="CM17" s="2"/>
      <c r="CN17" s="2"/>
      <c r="CO17" s="2"/>
      <c r="CP17" s="8" t="s">
        <v>102</v>
      </c>
      <c r="CQ17" s="8" t="s">
        <v>102</v>
      </c>
      <c r="CR17" s="8" t="s">
        <v>102</v>
      </c>
      <c r="CS17" s="3"/>
      <c r="CT17" s="25"/>
      <c r="CU17" s="2"/>
      <c r="CV17" s="2"/>
      <c r="CW17" s="8" t="s">
        <v>102</v>
      </c>
      <c r="CX17" s="8" t="s">
        <v>102</v>
      </c>
      <c r="CY17" s="8" t="s">
        <v>102</v>
      </c>
      <c r="CZ17" s="28"/>
      <c r="DA17" s="29"/>
      <c r="DB17" s="2"/>
      <c r="DC17" s="2"/>
      <c r="DD17" s="8" t="s">
        <v>102</v>
      </c>
      <c r="DE17" s="8" t="s">
        <v>102</v>
      </c>
      <c r="DF17" s="8" t="s">
        <v>102</v>
      </c>
      <c r="DG17" s="3"/>
      <c r="DH17" s="25"/>
      <c r="DI17" s="2"/>
      <c r="DJ17" s="2"/>
      <c r="DK17" s="8" t="s">
        <v>102</v>
      </c>
      <c r="DL17" s="8" t="s">
        <v>102</v>
      </c>
      <c r="DM17" s="8" t="s">
        <v>102</v>
      </c>
      <c r="DN17" s="5"/>
      <c r="DO17" s="5"/>
      <c r="DP17" s="5"/>
      <c r="DQ17" s="5"/>
      <c r="DR17" s="5"/>
      <c r="DS17" s="5"/>
      <c r="DT17" s="3"/>
      <c r="DU17" s="2"/>
      <c r="DV17" s="2"/>
      <c r="DW17" s="2"/>
      <c r="DX17" s="3"/>
      <c r="DY17" s="2"/>
      <c r="DZ17" s="2"/>
      <c r="EA17" s="3"/>
      <c r="EB17" s="2"/>
      <c r="EC17" s="2"/>
      <c r="ED17" s="2"/>
      <c r="EE17" s="3"/>
      <c r="EF17" s="3"/>
      <c r="EG17" s="2"/>
      <c r="EH17" s="8" t="s">
        <v>102</v>
      </c>
      <c r="EI17" s="8" t="s">
        <v>102</v>
      </c>
      <c r="EJ17" s="8" t="s">
        <v>102</v>
      </c>
      <c r="EK17" s="3"/>
      <c r="EL17" s="3"/>
      <c r="EM17" s="2"/>
      <c r="EN17" s="8" t="s">
        <v>102</v>
      </c>
      <c r="EO17" s="8" t="s">
        <v>102</v>
      </c>
      <c r="EP17" s="8" t="s">
        <v>102</v>
      </c>
      <c r="EQ17" s="3"/>
      <c r="ER17" s="25"/>
      <c r="ES17" s="2"/>
      <c r="ET17" s="2"/>
      <c r="EU17" s="8" t="s">
        <v>102</v>
      </c>
      <c r="EV17" s="8" t="s">
        <v>102</v>
      </c>
      <c r="EW17" s="8" t="s">
        <v>102</v>
      </c>
      <c r="EX17" s="5"/>
      <c r="EY17" s="5"/>
      <c r="EZ17" s="5"/>
      <c r="FA17" s="5"/>
      <c r="FB17" s="3"/>
      <c r="FC17" s="3"/>
      <c r="FD17" s="8" t="s">
        <v>102</v>
      </c>
      <c r="FE17" s="8" t="s">
        <v>102</v>
      </c>
      <c r="FF17" s="8" t="s">
        <v>102</v>
      </c>
      <c r="FG17" s="3"/>
      <c r="FH17" s="3"/>
      <c r="FI17" s="3"/>
      <c r="FJ17" s="8" t="s">
        <v>102</v>
      </c>
      <c r="FK17" s="8" t="s">
        <v>102</v>
      </c>
      <c r="FL17" s="8" t="s">
        <v>102</v>
      </c>
      <c r="FM17" s="2"/>
      <c r="FN17" s="2"/>
      <c r="FO17" s="2"/>
      <c r="FP17" s="8" t="s">
        <v>102</v>
      </c>
      <c r="FQ17" s="8" t="s">
        <v>102</v>
      </c>
      <c r="FR17" s="8" t="s">
        <v>102</v>
      </c>
      <c r="FS17" s="3"/>
      <c r="FT17" s="3"/>
      <c r="FU17" s="3"/>
      <c r="FV17" s="2"/>
      <c r="FW17" s="2"/>
      <c r="FX17" s="2"/>
      <c r="FY17" s="3"/>
      <c r="FZ17" s="3"/>
      <c r="GA17" s="3"/>
      <c r="GB17" s="3"/>
      <c r="GC17" s="2"/>
      <c r="GD17" s="2"/>
      <c r="GE17" s="2"/>
      <c r="GF17" s="2"/>
      <c r="GG17" s="2"/>
      <c r="GH17" s="8" t="s">
        <v>102</v>
      </c>
      <c r="GI17" s="8" t="s">
        <v>102</v>
      </c>
      <c r="GJ17" s="8" t="s">
        <v>102</v>
      </c>
      <c r="GK17" s="3"/>
      <c r="GL17" s="2"/>
      <c r="GM17" s="2"/>
      <c r="GN17" s="2"/>
      <c r="GO17" s="2"/>
      <c r="GP17" s="8" t="s">
        <v>102</v>
      </c>
      <c r="GQ17" s="8" t="s">
        <v>102</v>
      </c>
      <c r="GR17" s="8" t="s">
        <v>102</v>
      </c>
      <c r="GS17" s="3"/>
      <c r="GT17" s="2"/>
      <c r="GU17" s="2"/>
    </row>
    <row r="18" spans="2:203" s="6" customFormat="1" ht="28.8" x14ac:dyDescent="0.2">
      <c r="B18" s="32" t="s">
        <v>116</v>
      </c>
      <c r="C18" s="11" t="s">
        <v>101</v>
      </c>
      <c r="D18" s="2"/>
      <c r="E18" s="2"/>
      <c r="F18" s="2"/>
      <c r="G18" s="2"/>
      <c r="H18" s="2" t="s">
        <v>102</v>
      </c>
      <c r="I18" s="2"/>
      <c r="J18" s="2"/>
      <c r="K18" s="2"/>
      <c r="L18" s="2"/>
      <c r="M18" s="2"/>
      <c r="N18" s="3"/>
      <c r="O18" s="2"/>
      <c r="P18" s="2"/>
      <c r="Q18" s="2"/>
      <c r="R18" s="2"/>
      <c r="S18" s="2"/>
      <c r="T18" s="2"/>
      <c r="U18" s="2"/>
      <c r="V18" s="2"/>
      <c r="W18" s="2" t="s">
        <v>102</v>
      </c>
      <c r="X18" s="2"/>
      <c r="Y18" s="2"/>
      <c r="Z18" s="2"/>
      <c r="AA18" s="2"/>
      <c r="AB18" s="2" t="s">
        <v>102</v>
      </c>
      <c r="AC18" s="2"/>
      <c r="AD18" s="2"/>
      <c r="AE18" s="2"/>
      <c r="AF18" s="2"/>
      <c r="AG18" s="2" t="s">
        <v>102</v>
      </c>
      <c r="AH18" s="2"/>
      <c r="AI18" s="2"/>
      <c r="AJ18" s="2"/>
      <c r="AK18" s="2"/>
      <c r="AL18" s="2" t="s">
        <v>102</v>
      </c>
      <c r="AM18" s="2"/>
      <c r="AN18" s="2"/>
      <c r="AO18" s="2"/>
      <c r="AP18" s="2"/>
      <c r="AQ18" s="2"/>
      <c r="AR18" s="2" t="s">
        <v>102</v>
      </c>
      <c r="AS18" s="2"/>
      <c r="AT18" s="2"/>
      <c r="AU18" s="2"/>
      <c r="AV18" s="2"/>
      <c r="AW18" s="2"/>
      <c r="AX18" s="2" t="s">
        <v>102</v>
      </c>
      <c r="AY18" s="2"/>
      <c r="AZ18" s="2"/>
      <c r="BA18" s="2"/>
      <c r="BB18" s="2"/>
      <c r="BC18" s="2"/>
      <c r="BD18" s="2" t="s">
        <v>102</v>
      </c>
      <c r="BE18" s="2"/>
      <c r="BF18" s="2"/>
      <c r="BG18" s="2"/>
      <c r="BH18" s="2"/>
      <c r="BI18" s="2"/>
      <c r="BJ18" s="2"/>
      <c r="BK18" s="2"/>
      <c r="BL18" s="2"/>
      <c r="BM18" s="2"/>
      <c r="BN18" s="2"/>
      <c r="BO18" s="2"/>
      <c r="BP18" s="2"/>
      <c r="BQ18" s="2"/>
      <c r="BR18" s="2"/>
      <c r="BS18" s="2"/>
      <c r="BT18" s="2" t="s">
        <v>102</v>
      </c>
      <c r="BU18" s="5"/>
      <c r="BV18" s="5"/>
      <c r="BW18" s="3"/>
      <c r="BX18" s="2"/>
      <c r="BY18" s="2"/>
      <c r="BZ18" s="2"/>
      <c r="CA18" s="2"/>
      <c r="CB18" s="2"/>
      <c r="CC18" s="2"/>
      <c r="CD18" s="3"/>
      <c r="CE18" s="2"/>
      <c r="CF18" s="2"/>
      <c r="CG18" s="2"/>
      <c r="CH18" s="2"/>
      <c r="CI18" s="2"/>
      <c r="CJ18" s="2" t="s">
        <v>102</v>
      </c>
      <c r="CK18" s="3"/>
      <c r="CL18" s="2"/>
      <c r="CM18" s="2"/>
      <c r="CN18" s="2"/>
      <c r="CO18" s="2"/>
      <c r="CP18" s="2"/>
      <c r="CQ18" s="2"/>
      <c r="CR18" s="2" t="s">
        <v>102</v>
      </c>
      <c r="CS18" s="3"/>
      <c r="CT18" s="2"/>
      <c r="CU18" s="2"/>
      <c r="CV18" s="2"/>
      <c r="CW18" s="2"/>
      <c r="CX18" s="2"/>
      <c r="CY18" s="2"/>
      <c r="CZ18" s="3"/>
      <c r="DA18" s="2"/>
      <c r="DB18" s="2"/>
      <c r="DC18" s="2"/>
      <c r="DD18" s="2"/>
      <c r="DE18" s="2"/>
      <c r="DF18" s="2"/>
      <c r="DG18" s="3"/>
      <c r="DH18" s="2"/>
      <c r="DI18" s="2"/>
      <c r="DJ18" s="2"/>
      <c r="DK18" s="2"/>
      <c r="DL18" s="2"/>
      <c r="DM18" s="2"/>
      <c r="DN18" s="3"/>
      <c r="DO18" s="2"/>
      <c r="DP18" s="2"/>
      <c r="DQ18" s="2"/>
      <c r="DR18" s="2"/>
      <c r="DS18" s="2"/>
      <c r="DT18" s="3"/>
      <c r="DU18" s="2"/>
      <c r="DV18" s="2"/>
      <c r="DW18" s="2"/>
      <c r="DX18" s="3"/>
      <c r="DY18" s="3"/>
      <c r="DZ18" s="2"/>
      <c r="EA18" s="3"/>
      <c r="EB18" s="3"/>
      <c r="EC18" s="3"/>
      <c r="ED18" s="2"/>
      <c r="EE18" s="3"/>
      <c r="EF18" s="2"/>
      <c r="EG18" s="2"/>
      <c r="EH18" s="2"/>
      <c r="EI18" s="2"/>
      <c r="EJ18" s="2"/>
      <c r="EK18" s="3"/>
      <c r="EL18" s="2"/>
      <c r="EM18" s="2"/>
      <c r="EN18" s="2"/>
      <c r="EO18" s="2"/>
      <c r="EP18" s="2"/>
      <c r="EQ18" s="3"/>
      <c r="ER18" s="2"/>
      <c r="ES18" s="2"/>
      <c r="ET18" s="2"/>
      <c r="EU18" s="2"/>
      <c r="EV18" s="2"/>
      <c r="EW18" s="2"/>
      <c r="EX18" s="5"/>
      <c r="EY18" s="5"/>
      <c r="EZ18" s="5"/>
      <c r="FA18" s="5"/>
      <c r="FB18" s="3"/>
      <c r="FC18" s="2"/>
      <c r="FD18" s="2"/>
      <c r="FE18" s="2"/>
      <c r="FF18" s="2"/>
      <c r="FG18" s="3"/>
      <c r="FH18" s="2"/>
      <c r="FI18" s="2"/>
      <c r="FJ18" s="2"/>
      <c r="FK18" s="2"/>
      <c r="FL18" s="2"/>
      <c r="FM18" s="3"/>
      <c r="FN18" s="2"/>
      <c r="FO18" s="2"/>
      <c r="FP18" s="2"/>
      <c r="FQ18" s="2"/>
      <c r="FR18" s="2"/>
      <c r="FS18" s="3"/>
      <c r="FT18" s="2"/>
      <c r="FU18" s="2"/>
      <c r="FV18" s="2"/>
      <c r="FW18" s="2"/>
      <c r="FX18" s="2"/>
      <c r="FY18" s="3"/>
      <c r="FZ18" s="2"/>
      <c r="GA18" s="2"/>
      <c r="GB18" s="2"/>
      <c r="GC18" s="2"/>
      <c r="GD18" s="2"/>
      <c r="GE18" s="2"/>
      <c r="GF18" s="3"/>
      <c r="GG18" s="2"/>
      <c r="GH18" s="2"/>
      <c r="GI18" s="2"/>
      <c r="GJ18" s="2" t="s">
        <v>103</v>
      </c>
      <c r="GK18" s="3"/>
      <c r="GL18" s="3"/>
      <c r="GM18" s="3"/>
      <c r="GN18" s="2"/>
      <c r="GO18" s="2"/>
      <c r="GP18" s="2"/>
      <c r="GQ18" s="2"/>
      <c r="GR18" s="2"/>
      <c r="GS18" s="5"/>
      <c r="GT18" s="5"/>
      <c r="GU18" s="5"/>
    </row>
    <row r="19" spans="2:203" s="6" customFormat="1" ht="28.8" x14ac:dyDescent="0.2">
      <c r="B19" s="32"/>
      <c r="C19" s="8" t="s">
        <v>105</v>
      </c>
      <c r="D19" s="2"/>
      <c r="E19" s="2"/>
      <c r="F19" s="2"/>
      <c r="G19" s="2"/>
      <c r="H19" s="2" t="s">
        <v>102</v>
      </c>
      <c r="I19" s="2"/>
      <c r="J19" s="2"/>
      <c r="K19" s="2"/>
      <c r="L19" s="2"/>
      <c r="M19" s="2"/>
      <c r="N19" s="3"/>
      <c r="O19" s="2"/>
      <c r="P19" s="2"/>
      <c r="Q19" s="2"/>
      <c r="R19" s="2" t="s">
        <v>102</v>
      </c>
      <c r="S19" s="2"/>
      <c r="T19" s="2"/>
      <c r="U19" s="2"/>
      <c r="V19" s="2"/>
      <c r="W19" s="2" t="s">
        <v>102</v>
      </c>
      <c r="X19" s="2"/>
      <c r="Y19" s="2"/>
      <c r="Z19" s="2"/>
      <c r="AA19" s="2"/>
      <c r="AB19" s="2" t="s">
        <v>102</v>
      </c>
      <c r="AC19" s="2"/>
      <c r="AD19" s="2"/>
      <c r="AE19" s="2"/>
      <c r="AF19" s="2"/>
      <c r="AG19" s="2" t="s">
        <v>102</v>
      </c>
      <c r="AH19" s="2"/>
      <c r="AI19" s="2"/>
      <c r="AJ19" s="2"/>
      <c r="AK19" s="2"/>
      <c r="AL19" s="2" t="s">
        <v>102</v>
      </c>
      <c r="AM19" s="2"/>
      <c r="AN19" s="2"/>
      <c r="AO19" s="2"/>
      <c r="AP19" s="2"/>
      <c r="AQ19" s="2"/>
      <c r="AR19" s="2" t="s">
        <v>102</v>
      </c>
      <c r="AS19" s="2"/>
      <c r="AT19" s="2"/>
      <c r="AU19" s="2"/>
      <c r="AV19" s="2"/>
      <c r="AW19" s="2"/>
      <c r="AX19" s="2" t="s">
        <v>102</v>
      </c>
      <c r="AY19" s="2"/>
      <c r="AZ19" s="2"/>
      <c r="BA19" s="2"/>
      <c r="BB19" s="2"/>
      <c r="BC19" s="2"/>
      <c r="BD19" s="2" t="s">
        <v>102</v>
      </c>
      <c r="BE19" s="2"/>
      <c r="BF19" s="2"/>
      <c r="BG19" s="2"/>
      <c r="BH19" s="2"/>
      <c r="BI19" s="2" t="s">
        <v>102</v>
      </c>
      <c r="BJ19" s="2"/>
      <c r="BK19" s="2"/>
      <c r="BL19" s="2"/>
      <c r="BM19" s="2"/>
      <c r="BN19" s="2" t="s">
        <v>102</v>
      </c>
      <c r="BO19" s="2"/>
      <c r="BP19" s="2"/>
      <c r="BQ19" s="2"/>
      <c r="BR19" s="2"/>
      <c r="BS19" s="2"/>
      <c r="BT19" s="2" t="s">
        <v>102</v>
      </c>
      <c r="BU19" s="5"/>
      <c r="BV19" s="5"/>
      <c r="BW19" s="3"/>
      <c r="BX19" s="2"/>
      <c r="BY19" s="2"/>
      <c r="BZ19" s="2"/>
      <c r="CA19" s="2"/>
      <c r="CB19" s="2"/>
      <c r="CC19" s="2" t="s">
        <v>102</v>
      </c>
      <c r="CD19" s="3"/>
      <c r="CE19" s="2"/>
      <c r="CF19" s="2"/>
      <c r="CG19" s="2"/>
      <c r="CH19" s="2"/>
      <c r="CI19" s="2"/>
      <c r="CJ19" s="2" t="s">
        <v>102</v>
      </c>
      <c r="CK19" s="3"/>
      <c r="CL19" s="2"/>
      <c r="CM19" s="2"/>
      <c r="CN19" s="2"/>
      <c r="CO19" s="2"/>
      <c r="CP19" s="2"/>
      <c r="CQ19" s="2"/>
      <c r="CR19" s="2" t="s">
        <v>102</v>
      </c>
      <c r="CS19" s="3"/>
      <c r="CT19" s="2"/>
      <c r="CU19" s="2"/>
      <c r="CV19" s="2"/>
      <c r="CW19" s="2"/>
      <c r="CX19" s="2"/>
      <c r="CY19" s="2" t="s">
        <v>102</v>
      </c>
      <c r="CZ19" s="3"/>
      <c r="DA19" s="2"/>
      <c r="DB19" s="2"/>
      <c r="DC19" s="2"/>
      <c r="DD19" s="2"/>
      <c r="DE19" s="2"/>
      <c r="DF19" s="2" t="s">
        <v>102</v>
      </c>
      <c r="DG19" s="3"/>
      <c r="DH19" s="2"/>
      <c r="DI19" s="2"/>
      <c r="DJ19" s="2"/>
      <c r="DK19" s="2"/>
      <c r="DL19" s="2"/>
      <c r="DM19" s="2" t="s">
        <v>102</v>
      </c>
      <c r="DN19" s="3"/>
      <c r="DO19" s="2"/>
      <c r="DP19" s="2"/>
      <c r="DQ19" s="2"/>
      <c r="DR19" s="2"/>
      <c r="DS19" s="2" t="s">
        <v>102</v>
      </c>
      <c r="DT19" s="3"/>
      <c r="DU19" s="2"/>
      <c r="DV19" s="2"/>
      <c r="DW19" s="2"/>
      <c r="DX19" s="3"/>
      <c r="DY19" s="3"/>
      <c r="DZ19" s="2"/>
      <c r="EA19" s="3"/>
      <c r="EB19" s="3"/>
      <c r="EC19" s="3"/>
      <c r="ED19" s="2"/>
      <c r="EE19" s="3"/>
      <c r="EF19" s="2"/>
      <c r="EG19" s="2"/>
      <c r="EH19" s="2"/>
      <c r="EI19" s="2"/>
      <c r="EJ19" s="2" t="s">
        <v>102</v>
      </c>
      <c r="EK19" s="3"/>
      <c r="EL19" s="2"/>
      <c r="EM19" s="2"/>
      <c r="EN19" s="2"/>
      <c r="EO19" s="2"/>
      <c r="EP19" s="2" t="s">
        <v>102</v>
      </c>
      <c r="EQ19" s="3"/>
      <c r="ER19" s="2"/>
      <c r="ES19" s="2"/>
      <c r="ET19" s="2"/>
      <c r="EU19" s="2"/>
      <c r="EV19" s="2"/>
      <c r="EW19" s="2" t="s">
        <v>102</v>
      </c>
      <c r="EX19" s="5"/>
      <c r="EY19" s="5"/>
      <c r="EZ19" s="5"/>
      <c r="FA19" s="5"/>
      <c r="FB19" s="3"/>
      <c r="FC19" s="2"/>
      <c r="FD19" s="2"/>
      <c r="FE19" s="2"/>
      <c r="FF19" s="2" t="s">
        <v>102</v>
      </c>
      <c r="FG19" s="3"/>
      <c r="FH19" s="2"/>
      <c r="FI19" s="2"/>
      <c r="FJ19" s="2"/>
      <c r="FK19" s="2"/>
      <c r="FL19" s="2"/>
      <c r="FM19" s="3"/>
      <c r="FN19" s="2"/>
      <c r="FO19" s="2"/>
      <c r="FP19" s="2"/>
      <c r="FQ19" s="2"/>
      <c r="FR19" s="2"/>
      <c r="FS19" s="3"/>
      <c r="FT19" s="2"/>
      <c r="FU19" s="2"/>
      <c r="FV19" s="2"/>
      <c r="FW19" s="2"/>
      <c r="FX19" s="2"/>
      <c r="FY19" s="3"/>
      <c r="FZ19" s="2"/>
      <c r="GA19" s="2"/>
      <c r="GB19" s="2"/>
      <c r="GC19" s="2"/>
      <c r="GD19" s="2"/>
      <c r="GE19" s="2" t="s">
        <v>102</v>
      </c>
      <c r="GF19" s="3"/>
      <c r="GG19" s="2"/>
      <c r="GH19" s="2"/>
      <c r="GI19" s="2"/>
      <c r="GJ19" s="2" t="s">
        <v>102</v>
      </c>
      <c r="GK19" s="3"/>
      <c r="GL19" s="3"/>
      <c r="GM19" s="3"/>
      <c r="GN19" s="2"/>
      <c r="GO19" s="2"/>
      <c r="GP19" s="2"/>
      <c r="GQ19" s="2"/>
      <c r="GR19" s="2" t="s">
        <v>102</v>
      </c>
      <c r="GS19" s="5"/>
      <c r="GT19" s="5"/>
      <c r="GU19" s="5"/>
    </row>
    <row r="20" spans="2:203" ht="14.25" customHeight="1" x14ac:dyDescent="0.2">
      <c r="D20" s="12" t="s">
        <v>117</v>
      </c>
      <c r="E20" s="13"/>
      <c r="F20" s="13"/>
      <c r="G20" s="13"/>
      <c r="H20" s="13"/>
      <c r="BE20" s="13"/>
      <c r="BF20" s="13"/>
      <c r="BG20" s="13"/>
      <c r="BH20" s="13"/>
      <c r="BI20" s="13"/>
      <c r="BJ20" s="13"/>
      <c r="BK20" s="13"/>
    </row>
    <row r="21" spans="2:203" x14ac:dyDescent="0.2">
      <c r="D21" s="14" t="s">
        <v>118</v>
      </c>
      <c r="E21" s="15"/>
      <c r="F21" s="15"/>
      <c r="G21" s="15"/>
      <c r="H21" s="15"/>
      <c r="BE21" s="15"/>
      <c r="BF21" s="15"/>
      <c r="BG21" s="15"/>
      <c r="BH21" s="15"/>
      <c r="BI21" s="15"/>
      <c r="BJ21" s="15"/>
      <c r="BK21" s="15"/>
    </row>
    <row r="24" spans="2:203" ht="57.75" customHeight="1" x14ac:dyDescent="0.2"/>
    <row r="30" spans="2:203" ht="57.75" customHeight="1" x14ac:dyDescent="0.2"/>
    <row r="33" ht="57.75" customHeight="1" x14ac:dyDescent="0.2"/>
    <row r="45" ht="57.75" customHeight="1" x14ac:dyDescent="0.2"/>
    <row r="51" ht="57.75" customHeight="1" x14ac:dyDescent="0.2"/>
    <row r="54" ht="57.75" customHeight="1" x14ac:dyDescent="0.2"/>
    <row r="57" ht="57.75" customHeight="1" x14ac:dyDescent="0.2"/>
    <row r="60" ht="57.75" customHeight="1" x14ac:dyDescent="0.2"/>
    <row r="63" ht="57.75" customHeight="1" x14ac:dyDescent="0.2"/>
    <row r="69" ht="100.5" customHeight="1" x14ac:dyDescent="0.2"/>
    <row r="73" ht="100.5" customHeight="1" x14ac:dyDescent="0.2"/>
    <row r="79" ht="100.5" customHeight="1" x14ac:dyDescent="0.2"/>
  </sheetData>
  <mergeCells count="99">
    <mergeCell ref="DH16:DH17"/>
    <mergeCell ref="ER16:ER17"/>
    <mergeCell ref="B18:B19"/>
    <mergeCell ref="DG14:DH15"/>
    <mergeCell ref="B10:B11"/>
    <mergeCell ref="B12:B13"/>
    <mergeCell ref="B16:B17"/>
    <mergeCell ref="AY16:AY17"/>
    <mergeCell ref="CD16:CE17"/>
    <mergeCell ref="CK16:CK17"/>
    <mergeCell ref="CL16:CL17"/>
    <mergeCell ref="CT16:CT17"/>
    <mergeCell ref="CZ16:DA17"/>
    <mergeCell ref="GS8:GU8"/>
    <mergeCell ref="B9:C9"/>
    <mergeCell ref="B14:B15"/>
    <mergeCell ref="AY14:AY15"/>
    <mergeCell ref="BO14:BO15"/>
    <mergeCell ref="BW14:BX15"/>
    <mergeCell ref="CD14:CE15"/>
    <mergeCell ref="CK14:CM15"/>
    <mergeCell ref="CS14:CT15"/>
    <mergeCell ref="CZ14:DA15"/>
    <mergeCell ref="FM8:FR8"/>
    <mergeCell ref="FS8:FX8"/>
    <mergeCell ref="FY8:GE8"/>
    <mergeCell ref="GF8:GJ8"/>
    <mergeCell ref="GK8:GN8"/>
    <mergeCell ref="GO8:GR8"/>
    <mergeCell ref="FG8:FL8"/>
    <mergeCell ref="CZ8:DF8"/>
    <mergeCell ref="DG8:DM8"/>
    <mergeCell ref="DN8:DS8"/>
    <mergeCell ref="DT8:DW8"/>
    <mergeCell ref="DX8:DZ8"/>
    <mergeCell ref="EA8:ED8"/>
    <mergeCell ref="EE8:EJ8"/>
    <mergeCell ref="EK8:EP8"/>
    <mergeCell ref="EQ8:EW8"/>
    <mergeCell ref="EX8:FA8"/>
    <mergeCell ref="FB8:FF8"/>
    <mergeCell ref="CS8:CY8"/>
    <mergeCell ref="AH8:AL8"/>
    <mergeCell ref="AM8:AR8"/>
    <mergeCell ref="AS8:AX8"/>
    <mergeCell ref="AY8:BD8"/>
    <mergeCell ref="BE8:BI8"/>
    <mergeCell ref="BJ8:BN8"/>
    <mergeCell ref="BO8:BT8"/>
    <mergeCell ref="BU8:BV8"/>
    <mergeCell ref="BW8:CC8"/>
    <mergeCell ref="CD8:CJ8"/>
    <mergeCell ref="CK8:CR8"/>
    <mergeCell ref="GO5:GR5"/>
    <mergeCell ref="GS5:GU5"/>
    <mergeCell ref="B6:C6"/>
    <mergeCell ref="B8:C8"/>
    <mergeCell ref="D8:H8"/>
    <mergeCell ref="I8:M8"/>
    <mergeCell ref="N8:R8"/>
    <mergeCell ref="S8:W8"/>
    <mergeCell ref="X8:AB8"/>
    <mergeCell ref="AC8:AG8"/>
    <mergeCell ref="FG5:FL5"/>
    <mergeCell ref="FM5:FR5"/>
    <mergeCell ref="FS5:FX5"/>
    <mergeCell ref="FY5:GE5"/>
    <mergeCell ref="GF5:GJ5"/>
    <mergeCell ref="GK5:GN5"/>
    <mergeCell ref="FB5:FF5"/>
    <mergeCell ref="CS5:CY5"/>
    <mergeCell ref="CZ5:DF5"/>
    <mergeCell ref="DG5:DM5"/>
    <mergeCell ref="DN5:DS5"/>
    <mergeCell ref="DT5:DW5"/>
    <mergeCell ref="DX5:DZ5"/>
    <mergeCell ref="EA5:ED5"/>
    <mergeCell ref="EE5:EJ5"/>
    <mergeCell ref="EK5:EP5"/>
    <mergeCell ref="EQ5:EW5"/>
    <mergeCell ref="EX5:FA5"/>
    <mergeCell ref="CK5:CR5"/>
    <mergeCell ref="AC5:AG5"/>
    <mergeCell ref="AH5:AL5"/>
    <mergeCell ref="AM5:AR5"/>
    <mergeCell ref="AS5:AX5"/>
    <mergeCell ref="AY5:BD5"/>
    <mergeCell ref="BE5:BI5"/>
    <mergeCell ref="BJ5:BN5"/>
    <mergeCell ref="BO5:BT5"/>
    <mergeCell ref="BU5:BV5"/>
    <mergeCell ref="BW5:CC5"/>
    <mergeCell ref="CD5:CJ5"/>
    <mergeCell ref="X5:AB5"/>
    <mergeCell ref="B5:C5"/>
    <mergeCell ref="D5:H5"/>
    <mergeCell ref="I5:M5"/>
    <mergeCell ref="N5:R5"/>
    <mergeCell ref="S5:W5"/>
  </mergeCells>
  <phoneticPr fontId="1"/>
  <pageMargins left="0.7" right="0.7" top="0.75" bottom="0.75" header="0.3" footer="0.3"/>
  <pageSetup paperSize="8" scale="64" fitToWidth="0" orientation="landscape" r:id="rId1"/>
  <colBreaks count="6" manualBreakCount="6">
    <brk id="28" max="20" man="1"/>
    <brk id="56" max="20" man="1"/>
    <brk id="88" max="20" man="1"/>
    <brk id="117" max="20" man="1"/>
    <brk id="146" max="20" man="1"/>
    <brk id="174" max="20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近県の状況</vt:lpstr>
      <vt:lpstr>近県の状況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出実里</dc:creator>
  <cp:lastModifiedBy>井出実里</cp:lastModifiedBy>
  <cp:lastPrinted>2022-12-02T07:35:00Z</cp:lastPrinted>
  <dcterms:created xsi:type="dcterms:W3CDTF">2022-12-02T04:26:07Z</dcterms:created>
  <dcterms:modified xsi:type="dcterms:W3CDTF">2022-12-15T07:23:44Z</dcterms:modified>
</cp:coreProperties>
</file>